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0504new\20_調査\01_一般廃棄物処理事業実績\02_一般廃棄物処理事業の概要\R06\10_完成版\20_エクセル版\Hp用_コンテンツ\"/>
    </mc:Choice>
  </mc:AlternateContent>
  <xr:revisionPtr revIDLastSave="0" documentId="13_ncr:1_{EC05A678-5B70-4D7A-8F30-C57B0381D856}" xr6:coauthVersionLast="47" xr6:coauthVersionMax="47" xr10:uidLastSave="{00000000-0000-0000-0000-000000000000}"/>
  <bookViews>
    <workbookView xWindow="-120" yWindow="-120" windowWidth="29040" windowHeight="15720" firstSheet="1" activeTab="12" xr2:uid="{00000000-000D-0000-FFFF-FFFF00000000}"/>
  </bookViews>
  <sheets>
    <sheet name="表3-1" sheetId="32" r:id="rId1"/>
    <sheet name="表3-2" sheetId="2" r:id="rId2"/>
    <sheet name="表3-3" sheetId="3" r:id="rId3"/>
    <sheet name="表3-4" sheetId="4" r:id="rId4"/>
    <sheet name="表3-5" sheetId="5" r:id="rId5"/>
    <sheet name="表3-6" sheetId="6" r:id="rId6"/>
    <sheet name="表3-7" sheetId="7" r:id="rId7"/>
    <sheet name="表3-8" sheetId="8" r:id="rId8"/>
    <sheet name="表3-9" sheetId="33" r:id="rId9"/>
    <sheet name="表3-10" sheetId="34" r:id="rId10"/>
    <sheet name="表3-11" sheetId="35" r:id="rId11"/>
    <sheet name="表3-12" sheetId="42" r:id="rId12"/>
    <sheet name="表3-12(2)" sheetId="37" r:id="rId13"/>
    <sheet name="表3-13" sheetId="38" r:id="rId14"/>
    <sheet name="表 参考" sheetId="39" r:id="rId15"/>
    <sheet name="表 参考 (2)" sheetId="40" r:id="rId16"/>
    <sheet name="表 参考 (３)" sheetId="41" r:id="rId17"/>
  </sheets>
  <externalReferences>
    <externalReference r:id="rId18"/>
    <externalReference r:id="rId19"/>
  </externalReferences>
  <definedNames>
    <definedName name="_xlnm._FilterDatabase" localSheetId="16" hidden="1">'表 参考 (３)'!$A$3:$I$43</definedName>
    <definedName name="_xlnm._FilterDatabase" localSheetId="10" hidden="1">'表3-11'!$A$3:$S$50</definedName>
    <definedName name="_Order1" hidden="1">255</definedName>
    <definedName name="C地方公共団体コード" localSheetId="11">[1]表紙!$M$12</definedName>
    <definedName name="C地方公共団体コード" localSheetId="8">[1]表紙!$M$12</definedName>
    <definedName name="C地方公共団体コード">[2]表紙!$M$12</definedName>
    <definedName name="_xlnm.Print_Area" localSheetId="14">'表 参考'!$A$1:$K$45</definedName>
    <definedName name="_xlnm.Print_Area" localSheetId="15">'表 参考 (2)'!$A$1:$J$46</definedName>
    <definedName name="_xlnm.Print_Area" localSheetId="16">'表 参考 (３)'!$A$1:$I$43</definedName>
    <definedName name="_xlnm.Print_Area" localSheetId="0">'表3-1'!$A$1:$AE$57</definedName>
    <definedName name="_xlnm.Print_Area" localSheetId="9">'表3-10'!$A$1:$Y$44</definedName>
    <definedName name="_xlnm.Print_Area" localSheetId="10">'表3-11'!$A$1:$T$46</definedName>
    <definedName name="_xlnm.Print_Area" localSheetId="11">'表3-12'!$A$1:$X$48</definedName>
    <definedName name="_xlnm.Print_Area" localSheetId="12">'表3-12(2)'!$A$1:$X$44</definedName>
    <definedName name="_xlnm.Print_Area" localSheetId="13">'表3-13'!$A$1:$Q$38</definedName>
    <definedName name="_xlnm.Print_Area" localSheetId="1">'表3-2'!$A$1:$K$46</definedName>
    <definedName name="_xlnm.Print_Area" localSheetId="2">'表3-3'!$A$1:$H$43</definedName>
    <definedName name="_xlnm.Print_Area" localSheetId="3">'表3-4'!$A$1:$Z$47</definedName>
    <definedName name="_xlnm.Print_Area" localSheetId="4">'表3-5'!$A$1:$W$46</definedName>
    <definedName name="_xlnm.Print_Area" localSheetId="5">'表3-6'!$A$1:$Q$27</definedName>
    <definedName name="_xlnm.Print_Area" localSheetId="6">'表3-7'!$A$1:$K$47</definedName>
    <definedName name="_xlnm.Print_Area" localSheetId="7">'表3-8'!$A$1:$N$36</definedName>
    <definedName name="_xlnm.Print_Area" localSheetId="8">'表3-9'!$A$1:$T$42</definedName>
    <definedName name="月報">"グラフ 1"</definedName>
    <definedName name="年度" localSheetId="14">#REF!</definedName>
    <definedName name="年度" localSheetId="15">#REF!</definedName>
    <definedName name="年度" localSheetId="16">#REF!</definedName>
    <definedName name="年度" localSheetId="0">#REF!</definedName>
    <definedName name="年度" localSheetId="10">#REF!</definedName>
    <definedName name="年度" localSheetId="13">#REF!</definedName>
    <definedName name="年度">#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643" uniqueCount="572">
  <si>
    <t>-</t>
    <phoneticPr fontId="6"/>
  </si>
  <si>
    <t>（％）</t>
    <phoneticPr fontId="6"/>
  </si>
  <si>
    <t xml:space="preserve">  県  合  計</t>
    <rPh sb="2" eb="3">
      <t>ケン</t>
    </rPh>
    <rPh sb="5" eb="9">
      <t>ゴウケイ</t>
    </rPh>
    <phoneticPr fontId="6"/>
  </si>
  <si>
    <t>郡部小計</t>
    <rPh sb="0" eb="1">
      <t>グン</t>
    </rPh>
    <rPh sb="1" eb="2">
      <t>ブ</t>
    </rPh>
    <rPh sb="2" eb="4">
      <t>ショウケイ</t>
    </rPh>
    <phoneticPr fontId="6"/>
  </si>
  <si>
    <t>清川村</t>
    <rPh sb="0" eb="3">
      <t>キヨカワムラ</t>
    </rPh>
    <phoneticPr fontId="6"/>
  </si>
  <si>
    <t>愛川町</t>
    <rPh sb="0" eb="3">
      <t>アイカワマチ</t>
    </rPh>
    <phoneticPr fontId="6"/>
  </si>
  <si>
    <t>湯河原町</t>
    <rPh sb="0" eb="4">
      <t>ユガワラマチ</t>
    </rPh>
    <phoneticPr fontId="6"/>
  </si>
  <si>
    <t>真鶴町</t>
    <rPh sb="0" eb="2">
      <t>マナヅル</t>
    </rPh>
    <rPh sb="2" eb="3">
      <t>マチ</t>
    </rPh>
    <phoneticPr fontId="6"/>
  </si>
  <si>
    <t>箱根町</t>
    <rPh sb="0" eb="3">
      <t>ハコネマチ</t>
    </rPh>
    <phoneticPr fontId="6"/>
  </si>
  <si>
    <t>開成町</t>
    <rPh sb="0" eb="3">
      <t>カイセイマチ</t>
    </rPh>
    <phoneticPr fontId="6"/>
  </si>
  <si>
    <t>山北町</t>
    <rPh sb="0" eb="3">
      <t>ヤマキタマチ</t>
    </rPh>
    <phoneticPr fontId="6"/>
  </si>
  <si>
    <t>松田町</t>
    <rPh sb="0" eb="3">
      <t>マツダマチ</t>
    </rPh>
    <phoneticPr fontId="6"/>
  </si>
  <si>
    <t>大井町</t>
    <rPh sb="0" eb="3">
      <t>オオイマチ</t>
    </rPh>
    <phoneticPr fontId="6"/>
  </si>
  <si>
    <t>中井町</t>
    <rPh sb="0" eb="3">
      <t>ナカイマチ</t>
    </rPh>
    <phoneticPr fontId="6"/>
  </si>
  <si>
    <t>二宮町</t>
    <rPh sb="0" eb="2">
      <t>ニノミヤ</t>
    </rPh>
    <rPh sb="2" eb="3">
      <t>マチ</t>
    </rPh>
    <phoneticPr fontId="6"/>
  </si>
  <si>
    <t>大磯町</t>
    <rPh sb="0" eb="3">
      <t>オオイソマチ</t>
    </rPh>
    <phoneticPr fontId="6"/>
  </si>
  <si>
    <t>寒川町</t>
    <rPh sb="0" eb="3">
      <t>サムカワマチ</t>
    </rPh>
    <phoneticPr fontId="6"/>
  </si>
  <si>
    <t>葉山町</t>
    <rPh sb="0" eb="3">
      <t>ハヤママチ</t>
    </rPh>
    <phoneticPr fontId="6"/>
  </si>
  <si>
    <t>市 部 小 計</t>
    <rPh sb="0" eb="3">
      <t>シブ</t>
    </rPh>
    <rPh sb="4" eb="7">
      <t>ショウケイ</t>
    </rPh>
    <phoneticPr fontId="6"/>
  </si>
  <si>
    <t>綾瀬市</t>
    <rPh sb="0" eb="2">
      <t>アヤセ</t>
    </rPh>
    <rPh sb="2" eb="3">
      <t>シ</t>
    </rPh>
    <phoneticPr fontId="6"/>
  </si>
  <si>
    <t>南足柄市</t>
    <rPh sb="0" eb="1">
      <t>ミナミ</t>
    </rPh>
    <rPh sb="1" eb="3">
      <t>アシガラシ</t>
    </rPh>
    <rPh sb="3" eb="4">
      <t>シ</t>
    </rPh>
    <phoneticPr fontId="6"/>
  </si>
  <si>
    <t>座間市</t>
    <rPh sb="0" eb="3">
      <t>ザマシ</t>
    </rPh>
    <phoneticPr fontId="6"/>
  </si>
  <si>
    <t>海老名市</t>
    <rPh sb="0" eb="4">
      <t>エビナシ</t>
    </rPh>
    <phoneticPr fontId="6"/>
  </si>
  <si>
    <t>伊勢原市</t>
    <rPh sb="0" eb="4">
      <t>イセハラシ</t>
    </rPh>
    <phoneticPr fontId="6"/>
  </si>
  <si>
    <t>大和市</t>
    <rPh sb="0" eb="3">
      <t>ヤマトシ</t>
    </rPh>
    <phoneticPr fontId="6"/>
  </si>
  <si>
    <t>厚木市</t>
    <rPh sb="0" eb="3">
      <t>アツギシ</t>
    </rPh>
    <phoneticPr fontId="6"/>
  </si>
  <si>
    <t>秦野市</t>
    <rPh sb="0" eb="3">
      <t>ハタノシ</t>
    </rPh>
    <phoneticPr fontId="6"/>
  </si>
  <si>
    <t>三浦市</t>
    <rPh sb="0" eb="3">
      <t>ミウラシ</t>
    </rPh>
    <phoneticPr fontId="6"/>
  </si>
  <si>
    <t>逗子市</t>
    <rPh sb="0" eb="3">
      <t>ズシシ</t>
    </rPh>
    <phoneticPr fontId="6"/>
  </si>
  <si>
    <t>茅ヶ崎市</t>
    <rPh sb="0" eb="4">
      <t>チガサキシ</t>
    </rPh>
    <phoneticPr fontId="6"/>
  </si>
  <si>
    <t>小田原市</t>
    <rPh sb="0" eb="4">
      <t>オダワラシ</t>
    </rPh>
    <phoneticPr fontId="6"/>
  </si>
  <si>
    <t>藤沢市</t>
    <rPh sb="0" eb="3">
      <t>フジサワシ</t>
    </rPh>
    <phoneticPr fontId="6"/>
  </si>
  <si>
    <t>鎌倉市</t>
    <rPh sb="0" eb="3">
      <t>カマクラシ</t>
    </rPh>
    <phoneticPr fontId="6"/>
  </si>
  <si>
    <t>平塚市</t>
    <rPh sb="0" eb="3">
      <t>ヒラツカシ</t>
    </rPh>
    <phoneticPr fontId="6"/>
  </si>
  <si>
    <t>横須賀市</t>
    <rPh sb="0" eb="4">
      <t>ヨコスカシ</t>
    </rPh>
    <phoneticPr fontId="6"/>
  </si>
  <si>
    <t>相模原市</t>
    <rPh sb="0" eb="4">
      <t>サガミハラシ</t>
    </rPh>
    <phoneticPr fontId="6"/>
  </si>
  <si>
    <t>川崎市</t>
    <rPh sb="0" eb="3">
      <t>カワサキシ</t>
    </rPh>
    <phoneticPr fontId="6"/>
  </si>
  <si>
    <t>横浜市</t>
    <rPh sb="0" eb="3">
      <t>ヨコハマシ</t>
    </rPh>
    <phoneticPr fontId="6"/>
  </si>
  <si>
    <t>＝⑥+⑦</t>
    <phoneticPr fontId="6"/>
  </si>
  <si>
    <t>＝④+⑤</t>
    <phoneticPr fontId="6"/>
  </si>
  <si>
    <t>　  搬入量</t>
    <rPh sb="3" eb="6">
      <t>ハンニュウリョウ</t>
    </rPh>
    <phoneticPr fontId="6"/>
  </si>
  <si>
    <t>＝①～③</t>
    <phoneticPr fontId="6"/>
  </si>
  <si>
    <t>処理量</t>
    <phoneticPr fontId="6"/>
  </si>
  <si>
    <t>回収量</t>
    <rPh sb="0" eb="2">
      <t>カイシュウ</t>
    </rPh>
    <rPh sb="2" eb="3">
      <t>リョウ</t>
    </rPh>
    <phoneticPr fontId="6"/>
  </si>
  <si>
    <t>収集総量</t>
    <phoneticPr fontId="6"/>
  </si>
  <si>
    <t>③許可業者</t>
    <rPh sb="1" eb="3">
      <t>キョカ</t>
    </rPh>
    <rPh sb="3" eb="5">
      <t>ギョウシャ</t>
    </rPh>
    <phoneticPr fontId="6"/>
  </si>
  <si>
    <t>②委託業者</t>
    <rPh sb="1" eb="3">
      <t>イタク</t>
    </rPh>
    <rPh sb="3" eb="5">
      <t>ギョウシャ</t>
    </rPh>
    <phoneticPr fontId="6"/>
  </si>
  <si>
    <t>地方公共
団体直営</t>
    <rPh sb="0" eb="2">
      <t>チホウ</t>
    </rPh>
    <rPh sb="2" eb="4">
      <t>コウキョウ</t>
    </rPh>
    <rPh sb="5" eb="7">
      <t>ダンタイ</t>
    </rPh>
    <rPh sb="7" eb="9">
      <t>チョクエイ</t>
    </rPh>
    <phoneticPr fontId="6"/>
  </si>
  <si>
    <t>①</t>
    <phoneticPr fontId="6"/>
  </si>
  <si>
    <t>自  家</t>
    <rPh sb="0" eb="1">
      <t>ジ</t>
    </rPh>
    <rPh sb="3" eb="4">
      <t>イエ</t>
    </rPh>
    <phoneticPr fontId="6"/>
  </si>
  <si>
    <t>総排出量</t>
    <rPh sb="0" eb="1">
      <t>ソウ</t>
    </rPh>
    <phoneticPr fontId="6"/>
  </si>
  <si>
    <t>集　団</t>
    <rPh sb="0" eb="1">
      <t>シュウ</t>
    </rPh>
    <rPh sb="2" eb="3">
      <t>ダン</t>
    </rPh>
    <phoneticPr fontId="6"/>
  </si>
  <si>
    <t>計　   画</t>
    <phoneticPr fontId="6"/>
  </si>
  <si>
    <t>⑤
    直 　接</t>
    <rPh sb="6" eb="7">
      <t>チョク</t>
    </rPh>
    <rPh sb="9" eb="10">
      <t>セツ</t>
    </rPh>
    <phoneticPr fontId="6"/>
  </si>
  <si>
    <r>
      <t xml:space="preserve">④
</t>
    </r>
    <r>
      <rPr>
        <sz val="10"/>
        <rFont val="ＭＳ Ｐ明朝"/>
        <family val="1"/>
        <charset val="128"/>
      </rPr>
      <t>計画収集量</t>
    </r>
    <rPh sb="2" eb="4">
      <t>ケイカク</t>
    </rPh>
    <rPh sb="4" eb="7">
      <t>シュウシュウリョウ</t>
    </rPh>
    <phoneticPr fontId="6"/>
  </si>
  <si>
    <t>収集主体別収集量</t>
    <rPh sb="0" eb="2">
      <t>シュウシュウ</t>
    </rPh>
    <rPh sb="2" eb="4">
      <t>シュタイ</t>
    </rPh>
    <rPh sb="4" eb="5">
      <t>ベツ</t>
    </rPh>
    <rPh sb="5" eb="8">
      <t>シュウシュウリョウ</t>
    </rPh>
    <phoneticPr fontId="6"/>
  </si>
  <si>
    <t>市 町 村 名</t>
    <rPh sb="0" eb="5">
      <t>シチョウソン</t>
    </rPh>
    <rPh sb="6" eb="7">
      <t>メイ</t>
    </rPh>
    <phoneticPr fontId="6"/>
  </si>
  <si>
    <t>⑨</t>
    <phoneticPr fontId="6"/>
  </si>
  <si>
    <t>⑧</t>
    <phoneticPr fontId="6"/>
  </si>
  <si>
    <t>⑦</t>
    <phoneticPr fontId="6"/>
  </si>
  <si>
    <t>⑥　</t>
    <phoneticPr fontId="6"/>
  </si>
  <si>
    <t xml:space="preserve">    ( 単位 ： ｔ / 年 ）</t>
    <phoneticPr fontId="6"/>
  </si>
  <si>
    <t xml:space="preserve">   表Ⅲ－２   ご み の 収 集 内 訳 一 覧 表</t>
    <rPh sb="3" eb="4">
      <t>ヒョウ</t>
    </rPh>
    <rPh sb="16" eb="19">
      <t>シュウシュウ</t>
    </rPh>
    <rPh sb="20" eb="23">
      <t>ウチワケ</t>
    </rPh>
    <rPh sb="24" eb="29">
      <t>イチランヒョウ</t>
    </rPh>
    <phoneticPr fontId="6"/>
  </si>
  <si>
    <t>２　ごみの収集内訳</t>
    <rPh sb="5" eb="7">
      <t>シュウシュウ</t>
    </rPh>
    <rPh sb="7" eb="9">
      <t>ウチワケ</t>
    </rPh>
    <phoneticPr fontId="6"/>
  </si>
  <si>
    <t>県  合  計</t>
    <rPh sb="0" eb="1">
      <t>ケン</t>
    </rPh>
    <rPh sb="3" eb="7">
      <t>ゴウケイ</t>
    </rPh>
    <phoneticPr fontId="6"/>
  </si>
  <si>
    <t>郡 部 小 計</t>
    <rPh sb="0" eb="1">
      <t>グン</t>
    </rPh>
    <rPh sb="2" eb="3">
      <t>ブ</t>
    </rPh>
    <rPh sb="4" eb="7">
      <t>ショウケイ</t>
    </rPh>
    <phoneticPr fontId="6"/>
  </si>
  <si>
    <t>＝①～⑥</t>
    <phoneticPr fontId="6"/>
  </si>
  <si>
    <t>その他
のごみ</t>
    <rPh sb="2" eb="3">
      <t>タ</t>
    </rPh>
    <phoneticPr fontId="6"/>
  </si>
  <si>
    <t>粗大ごみ</t>
    <rPh sb="0" eb="2">
      <t>ソダイ</t>
    </rPh>
    <phoneticPr fontId="6"/>
  </si>
  <si>
    <t>資源ごみ</t>
    <rPh sb="0" eb="2">
      <t>シゲン</t>
    </rPh>
    <phoneticPr fontId="6"/>
  </si>
  <si>
    <t>不燃ごみ</t>
    <rPh sb="0" eb="2">
      <t>フネン</t>
    </rPh>
    <phoneticPr fontId="6"/>
  </si>
  <si>
    <t>可燃ごみ</t>
    <rPh sb="0" eb="2">
      <t>カネン</t>
    </rPh>
    <phoneticPr fontId="6"/>
  </si>
  <si>
    <t xml:space="preserve">混合ごみ   </t>
    <rPh sb="0" eb="2">
      <t>コンゴウ</t>
    </rPh>
    <phoneticPr fontId="6"/>
  </si>
  <si>
    <t>計画収集量</t>
    <rPh sb="0" eb="2">
      <t>ケイカク</t>
    </rPh>
    <rPh sb="2" eb="4">
      <t>シュウシュウ</t>
    </rPh>
    <rPh sb="4" eb="5">
      <t>リョウ</t>
    </rPh>
    <phoneticPr fontId="6"/>
  </si>
  <si>
    <t>⑥</t>
    <phoneticPr fontId="6"/>
  </si>
  <si>
    <t>⑤</t>
    <phoneticPr fontId="6"/>
  </si>
  <si>
    <t>④</t>
    <phoneticPr fontId="6"/>
  </si>
  <si>
    <t>③</t>
    <phoneticPr fontId="6"/>
  </si>
  <si>
    <t>②</t>
    <phoneticPr fontId="6"/>
  </si>
  <si>
    <t>①</t>
    <phoneticPr fontId="6"/>
  </si>
  <si>
    <t>⑦</t>
    <phoneticPr fontId="6"/>
  </si>
  <si>
    <t xml:space="preserve">     ( 単位 ： ｔ / 年 ）</t>
  </si>
  <si>
    <t xml:space="preserve">   表Ⅲ－３   ごみの収集形態別収集内訳一覧表</t>
    <rPh sb="3" eb="4">
      <t>ヒョウ</t>
    </rPh>
    <rPh sb="13" eb="15">
      <t>シュウシュウ</t>
    </rPh>
    <rPh sb="15" eb="17">
      <t>ケイタイ</t>
    </rPh>
    <rPh sb="17" eb="18">
      <t>ベツ</t>
    </rPh>
    <rPh sb="18" eb="20">
      <t>シュウシュウ</t>
    </rPh>
    <rPh sb="20" eb="22">
      <t>ウチワケ</t>
    </rPh>
    <rPh sb="22" eb="25">
      <t>イチランヒョウ</t>
    </rPh>
    <phoneticPr fontId="6"/>
  </si>
  <si>
    <t xml:space="preserve">  県   合   計</t>
  </si>
  <si>
    <t>郡 部 小 計</t>
    <rPh sb="0" eb="1">
      <t>グン</t>
    </rPh>
    <rPh sb="2" eb="3">
      <t>ブ</t>
    </rPh>
    <rPh sb="4" eb="5">
      <t>ショウ</t>
    </rPh>
    <rPh sb="6" eb="7">
      <t>ケイ</t>
    </rPh>
    <phoneticPr fontId="6"/>
  </si>
  <si>
    <t>清川村</t>
  </si>
  <si>
    <t>愛川町</t>
  </si>
  <si>
    <t>湯河原町</t>
  </si>
  <si>
    <t>真鶴町</t>
  </si>
  <si>
    <t>箱根町</t>
  </si>
  <si>
    <t>開成町</t>
  </si>
  <si>
    <t>山北町</t>
  </si>
  <si>
    <t>松田町</t>
  </si>
  <si>
    <t>大井町</t>
  </si>
  <si>
    <t>中井町</t>
  </si>
  <si>
    <t>二宮町</t>
  </si>
  <si>
    <t>大磯町</t>
  </si>
  <si>
    <t>寒川町</t>
  </si>
  <si>
    <t>葉山町</t>
  </si>
  <si>
    <t>市 部 小 計</t>
    <rPh sb="0" eb="1">
      <t>シ</t>
    </rPh>
    <rPh sb="2" eb="3">
      <t>ブ</t>
    </rPh>
    <rPh sb="4" eb="5">
      <t>ショウ</t>
    </rPh>
    <rPh sb="6" eb="7">
      <t>ケイ</t>
    </rPh>
    <phoneticPr fontId="6"/>
  </si>
  <si>
    <t>綾瀬市</t>
  </si>
  <si>
    <t>南足柄市</t>
  </si>
  <si>
    <t>座間市</t>
  </si>
  <si>
    <t>海老名市</t>
  </si>
  <si>
    <t>伊勢原市</t>
  </si>
  <si>
    <t>大和市</t>
  </si>
  <si>
    <t>厚木市</t>
  </si>
  <si>
    <t>秦野市</t>
  </si>
  <si>
    <t>三浦市</t>
  </si>
  <si>
    <t>逗子市</t>
  </si>
  <si>
    <t>茅ヶ崎市</t>
  </si>
  <si>
    <t>小田原市</t>
  </si>
  <si>
    <t>藤沢市</t>
  </si>
  <si>
    <t>鎌倉市</t>
  </si>
  <si>
    <t>平塚市</t>
  </si>
  <si>
    <t>横須賀市</t>
  </si>
  <si>
    <t>川崎市</t>
  </si>
  <si>
    <t>横浜市</t>
  </si>
  <si>
    <t>(アルミ )</t>
  </si>
  <si>
    <t>（スチール)</t>
  </si>
  <si>
    <t>＝②～⑧</t>
    <phoneticPr fontId="6"/>
  </si>
  <si>
    <t>計</t>
  </si>
  <si>
    <t>ボ  ト  ル</t>
  </si>
  <si>
    <t>その他</t>
    <rPh sb="0" eb="3">
      <t>ソノタ</t>
    </rPh>
    <phoneticPr fontId="6"/>
  </si>
  <si>
    <t>混   合</t>
  </si>
  <si>
    <t>紙パック</t>
  </si>
  <si>
    <t>段ﾎﾞｰﾙ</t>
    <rPh sb="0" eb="1">
      <t>ダン</t>
    </rPh>
    <phoneticPr fontId="6"/>
  </si>
  <si>
    <t>新聞・雑誌</t>
  </si>
  <si>
    <t>茶</t>
    <rPh sb="0" eb="1">
      <t>チャ</t>
    </rPh>
    <phoneticPr fontId="6"/>
  </si>
  <si>
    <t>透   明</t>
  </si>
  <si>
    <t>非鉄金属</t>
  </si>
  <si>
    <t>鉄   類</t>
  </si>
  <si>
    <t>その他</t>
  </si>
  <si>
    <t>混合</t>
    <rPh sb="0" eb="2">
      <t>コンゴウ</t>
    </rPh>
    <phoneticPr fontId="6"/>
  </si>
  <si>
    <t>白色
トレー</t>
    <rPh sb="0" eb="2">
      <t>ハクショク</t>
    </rPh>
    <phoneticPr fontId="6"/>
  </si>
  <si>
    <t>容器包装
ﾌﾟﾗｽﾁｯｸ</t>
    <rPh sb="0" eb="2">
      <t>ヨウキ</t>
    </rPh>
    <phoneticPr fontId="6"/>
  </si>
  <si>
    <t>ペ  ッ  ト</t>
  </si>
  <si>
    <t>布　類</t>
    <rPh sb="0" eb="1">
      <t>ヌノ</t>
    </rPh>
    <rPh sb="2" eb="3">
      <t>ルイ</t>
    </rPh>
    <phoneticPr fontId="6"/>
  </si>
  <si>
    <t>その他
の色</t>
    <rPh sb="0" eb="3">
      <t>ソノタ</t>
    </rPh>
    <rPh sb="5" eb="6">
      <t>イロ</t>
    </rPh>
    <phoneticPr fontId="6"/>
  </si>
  <si>
    <t>市 町 村 名</t>
  </si>
  <si>
    <t>⑧</t>
    <phoneticPr fontId="6"/>
  </si>
  <si>
    <t>⑦ プ ラ ス チ ッ ク 類</t>
    <rPh sb="14" eb="15">
      <t>ルイ</t>
    </rPh>
    <phoneticPr fontId="6"/>
  </si>
  <si>
    <t>④　　紙                類</t>
    <phoneticPr fontId="6"/>
  </si>
  <si>
    <t>③　　び    ん  ・  ガ    ラ    ス    類</t>
    <phoneticPr fontId="6"/>
  </si>
  <si>
    <t>②　　缶   等   の   金   属   類</t>
    <phoneticPr fontId="6"/>
  </si>
  <si>
    <t>資源ごみ収集量</t>
  </si>
  <si>
    <t>資源ごみの収集品目別内訳</t>
  </si>
  <si>
    <t xml:space="preserve"> ( 単位 ： ｔ / 年 ）</t>
    <phoneticPr fontId="6"/>
  </si>
  <si>
    <t>県   合   計</t>
    <rPh sb="0" eb="1">
      <t>ケン</t>
    </rPh>
    <rPh sb="4" eb="9">
      <t>ゴウケイ</t>
    </rPh>
    <phoneticPr fontId="6"/>
  </si>
  <si>
    <t>藤沢市</t>
    <rPh sb="0" eb="2">
      <t>フジサワ</t>
    </rPh>
    <rPh sb="2" eb="3">
      <t>シ</t>
    </rPh>
    <phoneticPr fontId="6"/>
  </si>
  <si>
    <t>＝⑧＋⑨</t>
    <phoneticPr fontId="6"/>
  </si>
  <si>
    <t>＝④～⑦</t>
    <phoneticPr fontId="6"/>
  </si>
  <si>
    <t>（焼却残渣を除く）</t>
    <rPh sb="1" eb="3">
      <t>ショウキャク</t>
    </rPh>
    <rPh sb="3" eb="5">
      <t>ザンサ</t>
    </rPh>
    <rPh sb="6" eb="7">
      <t>ノゾ</t>
    </rPh>
    <phoneticPr fontId="6"/>
  </si>
  <si>
    <t>＝①＋②</t>
    <phoneticPr fontId="6"/>
  </si>
  <si>
    <t>搬入量</t>
    <rPh sb="0" eb="2">
      <t>ハンニュウ</t>
    </rPh>
    <rPh sb="2" eb="3">
      <t>リョウ</t>
    </rPh>
    <phoneticPr fontId="6"/>
  </si>
  <si>
    <t>減量化量</t>
    <rPh sb="0" eb="3">
      <t>ゲンリョウカ</t>
    </rPh>
    <rPh sb="3" eb="4">
      <t>リョウ</t>
    </rPh>
    <phoneticPr fontId="6"/>
  </si>
  <si>
    <t>処理量</t>
    <rPh sb="0" eb="2">
      <t>ショリ</t>
    </rPh>
    <rPh sb="2" eb="3">
      <t>リョウ</t>
    </rPh>
    <phoneticPr fontId="6"/>
  </si>
  <si>
    <t>総量</t>
    <rPh sb="0" eb="2">
      <t>ソウリョウ</t>
    </rPh>
    <phoneticPr fontId="6"/>
  </si>
  <si>
    <t>率</t>
    <rPh sb="0" eb="1">
      <t>リツ</t>
    </rPh>
    <phoneticPr fontId="6"/>
  </si>
  <si>
    <t>減量化量</t>
    <rPh sb="0" eb="2">
      <t>ゲンリョウ</t>
    </rPh>
    <rPh sb="2" eb="3">
      <t>カ</t>
    </rPh>
    <rPh sb="3" eb="4">
      <t>リョウ</t>
    </rPh>
    <phoneticPr fontId="6"/>
  </si>
  <si>
    <t>資源化率</t>
    <rPh sb="0" eb="3">
      <t>シゲンカ</t>
    </rPh>
    <rPh sb="3" eb="4">
      <t>リツ</t>
    </rPh>
    <phoneticPr fontId="6"/>
  </si>
  <si>
    <t>資源化量</t>
    <rPh sb="0" eb="3">
      <t>シゲンカ</t>
    </rPh>
    <rPh sb="3" eb="4">
      <t>リョウ</t>
    </rPh>
    <phoneticPr fontId="6"/>
  </si>
  <si>
    <t>埋立率</t>
    <rPh sb="0" eb="2">
      <t>ウメタテ</t>
    </rPh>
    <rPh sb="2" eb="3">
      <t>リツ</t>
    </rPh>
    <phoneticPr fontId="6"/>
  </si>
  <si>
    <t>埋立量</t>
    <rPh sb="0" eb="2">
      <t>ウメタテ</t>
    </rPh>
    <rPh sb="2" eb="3">
      <t>リョウ</t>
    </rPh>
    <phoneticPr fontId="6"/>
  </si>
  <si>
    <t>焼却率</t>
    <rPh sb="0" eb="2">
      <t>ショウキャク</t>
    </rPh>
    <rPh sb="2" eb="3">
      <t>リツ</t>
    </rPh>
    <phoneticPr fontId="6"/>
  </si>
  <si>
    <t>焼却量</t>
    <rPh sb="0" eb="2">
      <t>ショウキャク</t>
    </rPh>
    <rPh sb="2" eb="3">
      <t>リョウ</t>
    </rPh>
    <phoneticPr fontId="6"/>
  </si>
  <si>
    <t>直接</t>
    <rPh sb="0" eb="2">
      <t>チョクセツ</t>
    </rPh>
    <phoneticPr fontId="6"/>
  </si>
  <si>
    <t>計画</t>
    <rPh sb="0" eb="2">
      <t>ケイカク</t>
    </rPh>
    <phoneticPr fontId="6"/>
  </si>
  <si>
    <t>焼却による</t>
    <rPh sb="0" eb="2">
      <t>ショウキャク</t>
    </rPh>
    <phoneticPr fontId="6"/>
  </si>
  <si>
    <t>自家</t>
    <rPh sb="0" eb="2">
      <t>ジカ</t>
    </rPh>
    <phoneticPr fontId="6"/>
  </si>
  <si>
    <t>総排出量</t>
    <rPh sb="0" eb="1">
      <t>ソウ</t>
    </rPh>
    <rPh sb="1" eb="4">
      <t>ハイシュツリョウ</t>
    </rPh>
    <phoneticPr fontId="6"/>
  </si>
  <si>
    <t>集団</t>
    <rPh sb="0" eb="2">
      <t>シュウダン</t>
    </rPh>
    <phoneticPr fontId="6"/>
  </si>
  <si>
    <t>計画収集</t>
    <rPh sb="0" eb="2">
      <t>ケイカク</t>
    </rPh>
    <rPh sb="2" eb="4">
      <t>シュウシュウ</t>
    </rPh>
    <phoneticPr fontId="6"/>
  </si>
  <si>
    <t xml:space="preserve">⑦ </t>
    <phoneticPr fontId="6"/>
  </si>
  <si>
    <t>焼却残渣
資源化に
よる
減量化量</t>
    <rPh sb="0" eb="2">
      <t>ショウキャク</t>
    </rPh>
    <rPh sb="2" eb="4">
      <t>ザンサ</t>
    </rPh>
    <rPh sb="5" eb="7">
      <t>シゲン</t>
    </rPh>
    <rPh sb="7" eb="8">
      <t>カ</t>
    </rPh>
    <phoneticPr fontId="6"/>
  </si>
  <si>
    <t>水分の蒸発
等による
減量化量</t>
    <rPh sb="0" eb="2">
      <t>スイブン</t>
    </rPh>
    <rPh sb="3" eb="5">
      <t>ジョウハツ</t>
    </rPh>
    <rPh sb="6" eb="7">
      <t>トウ</t>
    </rPh>
    <rPh sb="11" eb="14">
      <t>ゲンリョウカ</t>
    </rPh>
    <rPh sb="14" eb="15">
      <t>リョウ</t>
    </rPh>
    <phoneticPr fontId="6"/>
  </si>
  <si>
    <t>⑪</t>
    <phoneticPr fontId="6"/>
  </si>
  <si>
    <t>⑩</t>
    <phoneticPr fontId="6"/>
  </si>
  <si>
    <t>⑨</t>
    <phoneticPr fontId="6"/>
  </si>
  <si>
    <t>(単位：t/年)</t>
    <rPh sb="1" eb="3">
      <t>タンイ</t>
    </rPh>
    <rPh sb="6" eb="7">
      <t>ネン</t>
    </rPh>
    <phoneticPr fontId="6"/>
  </si>
  <si>
    <t>【参考】</t>
    <rPh sb="1" eb="3">
      <t>サンコウ</t>
    </rPh>
    <phoneticPr fontId="6"/>
  </si>
  <si>
    <t>表Ⅲ－５   ごみの処理内訳総括表</t>
    <rPh sb="0" eb="1">
      <t>ヒョウ</t>
    </rPh>
    <rPh sb="10" eb="12">
      <t>ショリ</t>
    </rPh>
    <rPh sb="12" eb="14">
      <t>ウチワケ</t>
    </rPh>
    <rPh sb="14" eb="16">
      <t>ソウカツ</t>
    </rPh>
    <rPh sb="16" eb="17">
      <t>ヒョウ</t>
    </rPh>
    <phoneticPr fontId="6"/>
  </si>
  <si>
    <t>３　ごみの処理・処分内訳</t>
    <rPh sb="5" eb="7">
      <t>ショリ</t>
    </rPh>
    <rPh sb="8" eb="10">
      <t>ショブン</t>
    </rPh>
    <rPh sb="10" eb="12">
      <t>ウチワケ</t>
    </rPh>
    <phoneticPr fontId="6"/>
  </si>
  <si>
    <t>合　　　計</t>
    <rPh sb="0" eb="1">
      <t>ゴウ</t>
    </rPh>
    <rPh sb="4" eb="5">
      <t>ケイ</t>
    </rPh>
    <phoneticPr fontId="6"/>
  </si>
  <si>
    <t>-</t>
  </si>
  <si>
    <t>足柄西部
清掃組合</t>
    <rPh sb="0" eb="2">
      <t>アシガラ</t>
    </rPh>
    <rPh sb="2" eb="4">
      <t>セイブ</t>
    </rPh>
    <phoneticPr fontId="6"/>
  </si>
  <si>
    <t>足柄東部
清掃組合</t>
    <rPh sb="0" eb="2">
      <t>アシガラ</t>
    </rPh>
    <rPh sb="2" eb="3">
      <t>ヒガシ</t>
    </rPh>
    <rPh sb="3" eb="4">
      <t>ブ</t>
    </rPh>
    <phoneticPr fontId="6"/>
  </si>
  <si>
    <t>湯河原町真鶴町
衛生組合</t>
    <rPh sb="0" eb="4">
      <t>ユガワラマチ</t>
    </rPh>
    <rPh sb="4" eb="6">
      <t>マナヅル</t>
    </rPh>
    <rPh sb="6" eb="7">
      <t>マチ</t>
    </rPh>
    <phoneticPr fontId="6"/>
  </si>
  <si>
    <t>高座清掃
施設組合</t>
    <rPh sb="0" eb="2">
      <t>コウザ</t>
    </rPh>
    <rPh sb="2" eb="4">
      <t>セイソウ</t>
    </rPh>
    <phoneticPr fontId="6"/>
  </si>
  <si>
    <t>計</t>
    <rPh sb="0" eb="1">
      <t>ケイ</t>
    </rPh>
    <phoneticPr fontId="6"/>
  </si>
  <si>
    <t>秦野市伊勢原市
環境衛生組合</t>
    <rPh sb="0" eb="2">
      <t>ハタノシ</t>
    </rPh>
    <rPh sb="2" eb="3">
      <t>シ</t>
    </rPh>
    <rPh sb="3" eb="7">
      <t>イセハラシ</t>
    </rPh>
    <phoneticPr fontId="6"/>
  </si>
  <si>
    <t>＝②～④</t>
    <phoneticPr fontId="6"/>
  </si>
  <si>
    <t>その他率</t>
    <rPh sb="0" eb="3">
      <t>ソノタ</t>
    </rPh>
    <rPh sb="3" eb="4">
      <t>リツ</t>
    </rPh>
    <phoneticPr fontId="6"/>
  </si>
  <si>
    <t>うち当該構成市町での　　　　　埋立量</t>
    <rPh sb="2" eb="4">
      <t>トウガイ</t>
    </rPh>
    <rPh sb="4" eb="6">
      <t>コウセイ</t>
    </rPh>
    <rPh sb="6" eb="8">
      <t>シチョウ</t>
    </rPh>
    <rPh sb="15" eb="17">
      <t>ウメタテ</t>
    </rPh>
    <rPh sb="17" eb="18">
      <t>リョウ</t>
    </rPh>
    <phoneticPr fontId="6"/>
  </si>
  <si>
    <t>うち他市町村・業者における　　　　　焼却量</t>
    <rPh sb="2" eb="4">
      <t>タシ</t>
    </rPh>
    <rPh sb="4" eb="6">
      <t>チョウソン</t>
    </rPh>
    <rPh sb="7" eb="9">
      <t>ギョウシャ</t>
    </rPh>
    <rPh sb="18" eb="20">
      <t>ショウキャク</t>
    </rPh>
    <rPh sb="20" eb="21">
      <t>リョウ</t>
    </rPh>
    <phoneticPr fontId="6"/>
  </si>
  <si>
    <t>組合への搬入量</t>
    <rPh sb="0" eb="2">
      <t>クミアイ</t>
    </rPh>
    <rPh sb="4" eb="6">
      <t>ハンニュウ</t>
    </rPh>
    <rPh sb="6" eb="7">
      <t>リョウ</t>
    </rPh>
    <phoneticPr fontId="6"/>
  </si>
  <si>
    <t>合　　計</t>
    <rPh sb="0" eb="1">
      <t>ゴウ</t>
    </rPh>
    <rPh sb="3" eb="4">
      <t>ケイ</t>
    </rPh>
    <phoneticPr fontId="6"/>
  </si>
  <si>
    <t>一部事務組合名</t>
    <rPh sb="0" eb="2">
      <t>イチブ</t>
    </rPh>
    <rPh sb="2" eb="4">
      <t>ジム</t>
    </rPh>
    <rPh sb="4" eb="6">
      <t>クミアイ</t>
    </rPh>
    <rPh sb="6" eb="7">
      <t>メイ</t>
    </rPh>
    <phoneticPr fontId="6"/>
  </si>
  <si>
    <t>構　　　成
市町村名</t>
    <rPh sb="0" eb="1">
      <t>ガマエ</t>
    </rPh>
    <rPh sb="4" eb="5">
      <t>シゲル</t>
    </rPh>
    <phoneticPr fontId="6"/>
  </si>
  <si>
    <t>処理・処分の内訳</t>
    <rPh sb="0" eb="2">
      <t>ショリ</t>
    </rPh>
    <rPh sb="3" eb="5">
      <t>ショブン</t>
    </rPh>
    <rPh sb="6" eb="8">
      <t>ウチワケ</t>
    </rPh>
    <phoneticPr fontId="6"/>
  </si>
  <si>
    <t>搬入の内訳</t>
    <rPh sb="0" eb="2">
      <t>ハンニュウ</t>
    </rPh>
    <rPh sb="3" eb="5">
      <t>ウチワケ</t>
    </rPh>
    <phoneticPr fontId="6"/>
  </si>
  <si>
    <t>( 単位 ： ｔ / 年 ）</t>
    <rPh sb="2" eb="4">
      <t>タンイ</t>
    </rPh>
    <rPh sb="11" eb="12">
      <t>ネン</t>
    </rPh>
    <phoneticPr fontId="6"/>
  </si>
  <si>
    <t>表Ⅲ－６   一 部 事 務 組 合 別 ご み の 処 理 内 訳 総 括 表</t>
    <phoneticPr fontId="6"/>
  </si>
  <si>
    <t>人口×年間日数（日）</t>
    <rPh sb="0" eb="2">
      <t>ジンコウ</t>
    </rPh>
    <rPh sb="3" eb="5">
      <t>ネンカン</t>
    </rPh>
    <rPh sb="5" eb="7">
      <t>ニッスウ</t>
    </rPh>
    <rPh sb="8" eb="9">
      <t>ニチ</t>
    </rPh>
    <phoneticPr fontId="6"/>
  </si>
  <si>
    <r>
      <t>×１０</t>
    </r>
    <r>
      <rPr>
        <vertAlign val="superscript"/>
        <sz val="10"/>
        <rFont val="ＭＳ Ｐ明朝"/>
        <family val="1"/>
        <charset val="128"/>
      </rPr>
      <t>6</t>
    </r>
    <phoneticPr fontId="6"/>
  </si>
  <si>
    <t xml:space="preserve">    ご  み  の  量　（ ｔ ）</t>
    <rPh sb="13" eb="14">
      <t>リョウ</t>
    </rPh>
    <phoneticPr fontId="6"/>
  </si>
  <si>
    <t xml:space="preserve"> (注) 排出原単位 ＝</t>
    <rPh sb="2" eb="3">
      <t>チュウ</t>
    </rPh>
    <rPh sb="5" eb="7">
      <t>ハイシュツ</t>
    </rPh>
    <rPh sb="7" eb="10">
      <t>ゲンタンイ</t>
    </rPh>
    <phoneticPr fontId="6"/>
  </si>
  <si>
    <t>県合計</t>
    <rPh sb="0" eb="1">
      <t>ケン</t>
    </rPh>
    <rPh sb="1" eb="3">
      <t>ゴウケイ</t>
    </rPh>
    <phoneticPr fontId="6"/>
  </si>
  <si>
    <t>市部小計</t>
    <rPh sb="0" eb="2">
      <t>シブ</t>
    </rPh>
    <rPh sb="2" eb="4">
      <t>コバカリ</t>
    </rPh>
    <phoneticPr fontId="6"/>
  </si>
  <si>
    <t>綾瀬市</t>
    <rPh sb="0" eb="3">
      <t>アヤセシ</t>
    </rPh>
    <phoneticPr fontId="6"/>
  </si>
  <si>
    <t>② 直接搬入量</t>
    <rPh sb="2" eb="4">
      <t>チョクセツ</t>
    </rPh>
    <rPh sb="4" eb="6">
      <t>ハンニュウ</t>
    </rPh>
    <rPh sb="6" eb="7">
      <t>リョウ</t>
    </rPh>
    <phoneticPr fontId="6"/>
  </si>
  <si>
    <t>① 計画収集量</t>
    <rPh sb="2" eb="4">
      <t>ケイカク</t>
    </rPh>
    <rPh sb="4" eb="7">
      <t>シュウシュウリョウ</t>
    </rPh>
    <phoneticPr fontId="6"/>
  </si>
  <si>
    <t xml:space="preserve">④ 集団回収量
</t>
    <rPh sb="2" eb="4">
      <t>シュウダン</t>
    </rPh>
    <rPh sb="4" eb="6">
      <t>カイシュウ</t>
    </rPh>
    <rPh sb="6" eb="7">
      <t>リョウ</t>
    </rPh>
    <phoneticPr fontId="6"/>
  </si>
  <si>
    <t xml:space="preserve">③ 計画収集総量
</t>
    <rPh sb="2" eb="4">
      <t>ケイカク</t>
    </rPh>
    <rPh sb="4" eb="6">
      <t>シュウシュウ</t>
    </rPh>
    <rPh sb="6" eb="7">
      <t>ソウ</t>
    </rPh>
    <rPh sb="7" eb="8">
      <t>リョウ</t>
    </rPh>
    <phoneticPr fontId="6"/>
  </si>
  <si>
    <t xml:space="preserve">
⑤ 総排出量
　</t>
    <rPh sb="3" eb="4">
      <t>ソウ</t>
    </rPh>
    <rPh sb="4" eb="6">
      <t>ハイシュツ</t>
    </rPh>
    <rPh sb="6" eb="7">
      <t>リョウ</t>
    </rPh>
    <phoneticPr fontId="6"/>
  </si>
  <si>
    <t xml:space="preserve">    排    出    原    単    位     （ｇ/人・日）</t>
    <rPh sb="4" eb="37">
      <t>シュウシュウ</t>
    </rPh>
    <phoneticPr fontId="6"/>
  </si>
  <si>
    <t>表Ⅲ－７  ご み の 排 出 原 単 位  一 覧 表</t>
    <phoneticPr fontId="6"/>
  </si>
  <si>
    <t>合      　計</t>
    <rPh sb="0" eb="9">
      <t>ゴウケイ</t>
    </rPh>
    <phoneticPr fontId="6"/>
  </si>
  <si>
    <t>－</t>
    <phoneticPr fontId="6"/>
  </si>
  <si>
    <t>小      　計</t>
    <rPh sb="0" eb="1">
      <t>ショウ</t>
    </rPh>
    <rPh sb="8" eb="9">
      <t>ケイ</t>
    </rPh>
    <phoneticPr fontId="6"/>
  </si>
  <si>
    <t>その他
のごみ</t>
    <rPh sb="2" eb="3">
      <t>タ</t>
    </rPh>
    <phoneticPr fontId="6"/>
  </si>
  <si>
    <t>粗 大 ご み</t>
    <rPh sb="0" eb="3">
      <t>ソダイ</t>
    </rPh>
    <phoneticPr fontId="6"/>
  </si>
  <si>
    <t>資 源 ご み</t>
    <rPh sb="0" eb="3">
      <t>シゲン</t>
    </rPh>
    <phoneticPr fontId="6"/>
  </si>
  <si>
    <t>不 燃 ご み</t>
    <rPh sb="0" eb="3">
      <t>フネン</t>
    </rPh>
    <phoneticPr fontId="6"/>
  </si>
  <si>
    <t>可 燃 ご み</t>
    <rPh sb="0" eb="3">
      <t>カネン</t>
    </rPh>
    <phoneticPr fontId="6"/>
  </si>
  <si>
    <t>混 合 ご み</t>
    <rPh sb="0" eb="3">
      <t>コンゴウ</t>
    </rPh>
    <phoneticPr fontId="6"/>
  </si>
  <si>
    <t>＝⑤～⑪</t>
    <phoneticPr fontId="6"/>
  </si>
  <si>
    <t>＝①～③</t>
    <phoneticPr fontId="6"/>
  </si>
  <si>
    <t>団体直営</t>
    <rPh sb="0" eb="2">
      <t>ダンタイ</t>
    </rPh>
    <rPh sb="2" eb="4">
      <t>チョクエイ</t>
    </rPh>
    <phoneticPr fontId="6"/>
  </si>
  <si>
    <t>収集形態</t>
    <rPh sb="0" eb="2">
      <t>シュウシュウ</t>
    </rPh>
    <rPh sb="2" eb="4">
      <t>ケイタイ</t>
    </rPh>
    <phoneticPr fontId="6"/>
  </si>
  <si>
    <t>合計</t>
    <rPh sb="0" eb="2">
      <t>ゴウケイ</t>
    </rPh>
    <phoneticPr fontId="6"/>
  </si>
  <si>
    <t>その他</t>
    <rPh sb="2" eb="3">
      <t>タ</t>
    </rPh>
    <phoneticPr fontId="6"/>
  </si>
  <si>
    <t>直　接
埋　立</t>
    <rPh sb="0" eb="1">
      <t>チョク</t>
    </rPh>
    <rPh sb="2" eb="3">
      <t>セツ</t>
    </rPh>
    <rPh sb="4" eb="5">
      <t>マイ</t>
    </rPh>
    <rPh sb="6" eb="7">
      <t>リツ</t>
    </rPh>
    <phoneticPr fontId="6"/>
  </si>
  <si>
    <t>その他
の施設</t>
    <rPh sb="2" eb="3">
      <t>タ</t>
    </rPh>
    <rPh sb="5" eb="7">
      <t>シセツ</t>
    </rPh>
    <phoneticPr fontId="6"/>
  </si>
  <si>
    <t>資源化
施　設</t>
    <rPh sb="0" eb="3">
      <t>シゲンカ</t>
    </rPh>
    <rPh sb="4" eb="5">
      <t>シ</t>
    </rPh>
    <rPh sb="6" eb="7">
      <t>セツ</t>
    </rPh>
    <phoneticPr fontId="6"/>
  </si>
  <si>
    <t>粗大ごみ処理施設</t>
    <rPh sb="0" eb="2">
      <t>ソダイ</t>
    </rPh>
    <rPh sb="4" eb="6">
      <t>ショリ</t>
    </rPh>
    <rPh sb="6" eb="8">
      <t>シセツ</t>
    </rPh>
    <phoneticPr fontId="6"/>
  </si>
  <si>
    <t>焼却施設</t>
    <rPh sb="0" eb="2">
      <t>ショウキャク</t>
    </rPh>
    <rPh sb="2" eb="4">
      <t>シセツ</t>
    </rPh>
    <phoneticPr fontId="6"/>
  </si>
  <si>
    <t>直接
資源化</t>
    <rPh sb="0" eb="2">
      <t>チョクセツ</t>
    </rPh>
    <rPh sb="3" eb="6">
      <t>シゲンカ</t>
    </rPh>
    <phoneticPr fontId="6"/>
  </si>
  <si>
    <t>許可業者</t>
    <rPh sb="2" eb="4">
      <t>ギョウシャ</t>
    </rPh>
    <phoneticPr fontId="6"/>
  </si>
  <si>
    <t>委託業者</t>
    <rPh sb="2" eb="4">
      <t>ギョウシャ</t>
    </rPh>
    <phoneticPr fontId="6"/>
  </si>
  <si>
    <t>地方公共</t>
    <rPh sb="0" eb="2">
      <t>チホウ</t>
    </rPh>
    <rPh sb="2" eb="4">
      <t>コウキョウ</t>
    </rPh>
    <phoneticPr fontId="6"/>
  </si>
  <si>
    <t>⑫</t>
    <phoneticPr fontId="6"/>
  </si>
  <si>
    <t>処理・処分内訳</t>
    <rPh sb="0" eb="2">
      <t>ショリ</t>
    </rPh>
    <rPh sb="3" eb="5">
      <t>ショブン</t>
    </rPh>
    <rPh sb="5" eb="7">
      <t>ウチワケ</t>
    </rPh>
    <phoneticPr fontId="6"/>
  </si>
  <si>
    <t>収集内訳</t>
    <rPh sb="0" eb="2">
      <t>シュウシュウ</t>
    </rPh>
    <rPh sb="2" eb="4">
      <t>ウチワケ</t>
    </rPh>
    <phoneticPr fontId="6"/>
  </si>
  <si>
    <t>内訳</t>
    <rPh sb="0" eb="2">
      <t>ウチワケ</t>
    </rPh>
    <phoneticPr fontId="6"/>
  </si>
  <si>
    <t>表Ⅲ－８   ごみの収集形態別収集・処理・処分内訳一覧表</t>
    <rPh sb="0" eb="1">
      <t>ヒョウ</t>
    </rPh>
    <rPh sb="10" eb="12">
      <t>シュウシュウ</t>
    </rPh>
    <rPh sb="12" eb="14">
      <t>ケイタイ</t>
    </rPh>
    <rPh sb="14" eb="15">
      <t>ベツ</t>
    </rPh>
    <rPh sb="15" eb="17">
      <t>シュウシュウ</t>
    </rPh>
    <rPh sb="18" eb="20">
      <t>ショリ</t>
    </rPh>
    <rPh sb="21" eb="23">
      <t>ショブン</t>
    </rPh>
    <rPh sb="23" eb="25">
      <t>ウチワケ</t>
    </rPh>
    <rPh sb="25" eb="28">
      <t>イチランヒョウ</t>
    </rPh>
    <phoneticPr fontId="6"/>
  </si>
  <si>
    <t>　　　　　上段　：　収集・処理・処分量　(単位 ： ｔ ／年)
　　　　　下段　：　構成比率</t>
    <rPh sb="5" eb="7">
      <t>ジョウダン</t>
    </rPh>
    <rPh sb="10" eb="12">
      <t>シュウシュウ</t>
    </rPh>
    <rPh sb="13" eb="15">
      <t>ショリ</t>
    </rPh>
    <rPh sb="16" eb="18">
      <t>ショブン</t>
    </rPh>
    <rPh sb="18" eb="19">
      <t>リョウ</t>
    </rPh>
    <rPh sb="21" eb="23">
      <t>タンイ</t>
    </rPh>
    <rPh sb="29" eb="30">
      <t>ネン</t>
    </rPh>
    <rPh sb="37" eb="39">
      <t>カダン</t>
    </rPh>
    <rPh sb="42" eb="44">
      <t>コウセイ</t>
    </rPh>
    <rPh sb="44" eb="46">
      <t>ヒリツ</t>
    </rPh>
    <phoneticPr fontId="6"/>
  </si>
  <si>
    <t>廃食用油</t>
    <rPh sb="0" eb="1">
      <t>ハイ</t>
    </rPh>
    <rPh sb="1" eb="3">
      <t>ショクヨウ</t>
    </rPh>
    <rPh sb="3" eb="4">
      <t>ユ</t>
    </rPh>
    <phoneticPr fontId="6"/>
  </si>
  <si>
    <t>布類</t>
    <rPh sb="0" eb="1">
      <t>ヌノ</t>
    </rPh>
    <rPh sb="1" eb="2">
      <t>ルイ</t>
    </rPh>
    <phoneticPr fontId="6"/>
  </si>
  <si>
    <t>ペットボトル</t>
    <phoneticPr fontId="6"/>
  </si>
  <si>
    <t>資源ごみ</t>
    <rPh sb="0" eb="2">
      <t>シゲン</t>
    </rPh>
    <phoneticPr fontId="3"/>
  </si>
  <si>
    <t xml:space="preserve">表Ⅲ－４   資 源 ご み の 収 集 品 目 別 内 訳 一 覧 表 </t>
    <phoneticPr fontId="6"/>
  </si>
  <si>
    <t>収集の内訳</t>
    <phoneticPr fontId="3"/>
  </si>
  <si>
    <t>収集量</t>
    <phoneticPr fontId="3"/>
  </si>
  <si>
    <t>*</t>
    <phoneticPr fontId="3"/>
  </si>
  <si>
    <t>その他</t>
    <rPh sb="2" eb="3">
      <t>タ</t>
    </rPh>
    <phoneticPr fontId="3"/>
  </si>
  <si>
    <t>総排出量</t>
    <rPh sb="0" eb="1">
      <t>ソウ</t>
    </rPh>
    <rPh sb="1" eb="3">
      <t>ハイシュツ</t>
    </rPh>
    <rPh sb="3" eb="4">
      <t>リョウ</t>
    </rPh>
    <phoneticPr fontId="3"/>
  </si>
  <si>
    <t>（焼却残渣を除く)</t>
    <rPh sb="1" eb="3">
      <t>ショウキャク</t>
    </rPh>
    <rPh sb="3" eb="5">
      <t>ザンサ</t>
    </rPh>
    <rPh sb="6" eb="7">
      <t>ノゾ</t>
    </rPh>
    <phoneticPr fontId="6"/>
  </si>
  <si>
    <t>-</t>
    <phoneticPr fontId="3"/>
  </si>
  <si>
    <t>処理の内訳</t>
    <rPh sb="0" eb="2">
      <t>ショリ</t>
    </rPh>
    <rPh sb="3" eb="5">
      <t>ウチワケ</t>
    </rPh>
    <phoneticPr fontId="6"/>
  </si>
  <si>
    <t>（％）</t>
  </si>
  <si>
    <t>（％）</t>
    <phoneticPr fontId="3"/>
  </si>
  <si>
    <t xml:space="preserve">     (注)   １.混合とは、収集時において各品目を分類せずに混合で収集したもので内訳が不明なものである。</t>
    <rPh sb="44" eb="46">
      <t>ウチワケ</t>
    </rPh>
    <rPh sb="47" eb="49">
      <t>フメイ</t>
    </rPh>
    <phoneticPr fontId="6"/>
  </si>
  <si>
    <t xml:space="preserve">             ２.⑧ 「その他」は、植木剪定枝、廃食用油等である。</t>
    <rPh sb="24" eb="26">
      <t>ウエキ</t>
    </rPh>
    <rPh sb="26" eb="28">
      <t>センテイ</t>
    </rPh>
    <rPh sb="28" eb="29">
      <t>エダ</t>
    </rPh>
    <rPh sb="30" eb="31">
      <t>ハイキ</t>
    </rPh>
    <rPh sb="31" eb="33">
      <t>ショクヨウ</t>
    </rPh>
    <rPh sb="33" eb="34">
      <t>アブラ</t>
    </rPh>
    <phoneticPr fontId="6"/>
  </si>
  <si>
    <t xml:space="preserve">    (注)   １.④「焼却量」は、粗大ごみ等の破砕後処理残渣の溶融は含むが、焼却残渣の溶融は含まない。   </t>
    <rPh sb="5" eb="6">
      <t>チュウ</t>
    </rPh>
    <rPh sb="14" eb="17">
      <t>ショウキャクリョウ</t>
    </rPh>
    <rPh sb="20" eb="22">
      <t>ソダイ</t>
    </rPh>
    <rPh sb="24" eb="25">
      <t>トウ</t>
    </rPh>
    <rPh sb="26" eb="28">
      <t>ハサイ</t>
    </rPh>
    <rPh sb="28" eb="29">
      <t>ゴ</t>
    </rPh>
    <rPh sb="29" eb="31">
      <t>ショリ</t>
    </rPh>
    <rPh sb="31" eb="33">
      <t>ザンサ</t>
    </rPh>
    <rPh sb="34" eb="36">
      <t>ヨウユウ</t>
    </rPh>
    <rPh sb="37" eb="38">
      <t>フク</t>
    </rPh>
    <rPh sb="41" eb="43">
      <t>ショウキャク</t>
    </rPh>
    <rPh sb="43" eb="45">
      <t>ザンサ</t>
    </rPh>
    <rPh sb="46" eb="48">
      <t>ヨウユウ</t>
    </rPh>
    <rPh sb="49" eb="50">
      <t>フク</t>
    </rPh>
    <phoneticPr fontId="6"/>
  </si>
  <si>
    <t xml:space="preserve">            ２.⑦「減量化量」は、焼却を除く中間処理（破砕・圧縮等）における減量化量等である。</t>
    <rPh sb="16" eb="19">
      <t>ゲンリョウカ</t>
    </rPh>
    <rPh sb="19" eb="20">
      <t>リョウ</t>
    </rPh>
    <phoneticPr fontId="6"/>
  </si>
  <si>
    <t>（注）　本表は、各施設への搬入量である。</t>
    <rPh sb="1" eb="2">
      <t>チュウ</t>
    </rPh>
    <rPh sb="4" eb="5">
      <t>ホン</t>
    </rPh>
    <rPh sb="5" eb="6">
      <t>ヒョウ</t>
    </rPh>
    <rPh sb="8" eb="11">
      <t>カクシセツ</t>
    </rPh>
    <rPh sb="13" eb="15">
      <t>ハンニュウ</t>
    </rPh>
    <rPh sb="15" eb="16">
      <t>リョウ</t>
    </rPh>
    <phoneticPr fontId="6"/>
  </si>
  <si>
    <t xml:space="preserve">  (注)  １.自家処理とは市町村等により計画収集される以外の生活系ごみで、自家肥料、 飼料として用いるか、</t>
    <rPh sb="3" eb="4">
      <t>チュウ</t>
    </rPh>
    <phoneticPr fontId="6"/>
  </si>
  <si>
    <t xml:space="preserve">            直接農家等に依頼して処分させ、又は自ら処分しているものである。</t>
    <phoneticPr fontId="6"/>
  </si>
  <si>
    <t xml:space="preserve"> 　　　　２.平塚市の三者協調方式による集団回収量は、全量資源ごみに計上している。</t>
    <rPh sb="7" eb="9">
      <t>ヒラツカ</t>
    </rPh>
    <rPh sb="9" eb="10">
      <t>シ</t>
    </rPh>
    <rPh sb="11" eb="13">
      <t>サンシャ</t>
    </rPh>
    <rPh sb="13" eb="15">
      <t>キョウチョウ</t>
    </rPh>
    <rPh sb="15" eb="17">
      <t>ホウシキ</t>
    </rPh>
    <rPh sb="20" eb="22">
      <t>シュウダン</t>
    </rPh>
    <rPh sb="22" eb="24">
      <t>カイシュウ</t>
    </rPh>
    <rPh sb="24" eb="25">
      <t>リョウ</t>
    </rPh>
    <rPh sb="27" eb="29">
      <t>ゼンリョウ</t>
    </rPh>
    <rPh sb="29" eb="31">
      <t>シゲン</t>
    </rPh>
    <rPh sb="34" eb="36">
      <t>ケイジョウ</t>
    </rPh>
    <phoneticPr fontId="3"/>
  </si>
  <si>
    <t>計画収集
総　　量</t>
    <rPh sb="0" eb="2">
      <t>ケイカク</t>
    </rPh>
    <rPh sb="5" eb="6">
      <t>フサ</t>
    </rPh>
    <rPh sb="8" eb="9">
      <t>リョウ</t>
    </rPh>
    <phoneticPr fontId="6"/>
  </si>
  <si>
    <t>直接搬入量</t>
    <rPh sb="0" eb="2">
      <t>チョクセツ</t>
    </rPh>
    <rPh sb="2" eb="4">
      <t>ハンニュウ</t>
    </rPh>
    <rPh sb="4" eb="5">
      <t>リョウ</t>
    </rPh>
    <phoneticPr fontId="3"/>
  </si>
  <si>
    <t>計画収集量</t>
    <rPh sb="0" eb="2">
      <t>ケイカク</t>
    </rPh>
    <rPh sb="2" eb="4">
      <t>シュウシュウ</t>
    </rPh>
    <rPh sb="4" eb="5">
      <t>リョウ</t>
    </rPh>
    <phoneticPr fontId="3"/>
  </si>
  <si>
    <t>⑬</t>
    <phoneticPr fontId="6"/>
  </si>
  <si>
    <t>⑭</t>
    <phoneticPr fontId="6"/>
  </si>
  <si>
    <t>収集ごみ</t>
    <phoneticPr fontId="6"/>
  </si>
  <si>
    <t>直接搬入
ごみ</t>
    <rPh sb="0" eb="2">
      <t>チョクセツ</t>
    </rPh>
    <rPh sb="2" eb="4">
      <t>ハンニュウ</t>
    </rPh>
    <phoneticPr fontId="6"/>
  </si>
  <si>
    <t>＝⑬～⑭</t>
    <phoneticPr fontId="6"/>
  </si>
  <si>
    <t>収集形態内訳</t>
    <rPh sb="0" eb="2">
      <t>シュウシュウ</t>
    </rPh>
    <rPh sb="2" eb="4">
      <t>ケイタイ</t>
    </rPh>
    <rPh sb="4" eb="6">
      <t>ウチワケ</t>
    </rPh>
    <phoneticPr fontId="6"/>
  </si>
  <si>
    <t>内訳</t>
    <rPh sb="0" eb="2">
      <t>ウチワケ</t>
    </rPh>
    <phoneticPr fontId="3"/>
  </si>
  <si>
    <t>合計</t>
    <rPh sb="0" eb="2">
      <t>ゴウケイ</t>
    </rPh>
    <phoneticPr fontId="3"/>
  </si>
  <si>
    <t>収集ごみ</t>
    <rPh sb="0" eb="2">
      <t>シュウシュウ</t>
    </rPh>
    <phoneticPr fontId="3"/>
  </si>
  <si>
    <t>直接搬入ごみ</t>
    <rPh sb="0" eb="1">
      <t>チョク</t>
    </rPh>
    <rPh sb="1" eb="2">
      <t>セツ</t>
    </rPh>
    <rPh sb="2" eb="4">
      <t>ハンニュウ</t>
    </rPh>
    <phoneticPr fontId="6"/>
  </si>
  <si>
    <t>可燃ごみ</t>
    <rPh sb="0" eb="2">
      <t>カネン</t>
    </rPh>
    <phoneticPr fontId="3"/>
  </si>
  <si>
    <t/>
  </si>
  <si>
    <t>１　ごみの処理体制</t>
    <rPh sb="5" eb="7">
      <t>ショリ</t>
    </rPh>
    <rPh sb="7" eb="9">
      <t>タイセイ</t>
    </rPh>
    <phoneticPr fontId="6"/>
  </si>
  <si>
    <t>表Ⅲ－１   ごみの処理体制総括表</t>
    <rPh sb="0" eb="1">
      <t>ヒョウ</t>
    </rPh>
    <rPh sb="10" eb="12">
      <t>ショリ</t>
    </rPh>
    <rPh sb="12" eb="14">
      <t>タイセイ</t>
    </rPh>
    <rPh sb="14" eb="16">
      <t>ソウカツ</t>
    </rPh>
    <rPh sb="16" eb="17">
      <t>ヒョウ</t>
    </rPh>
    <phoneticPr fontId="6"/>
  </si>
  <si>
    <t>収集区分・種類</t>
    <phoneticPr fontId="6"/>
  </si>
  <si>
    <t>家庭系ごみ</t>
    <rPh sb="0" eb="3">
      <t>カテイケイ</t>
    </rPh>
    <phoneticPr fontId="6"/>
  </si>
  <si>
    <t>集団回収</t>
    <rPh sb="0" eb="2">
      <t>シュウダン</t>
    </rPh>
    <rPh sb="2" eb="4">
      <t>カイシュウ</t>
    </rPh>
    <phoneticPr fontId="6"/>
  </si>
  <si>
    <t>三者協調方式</t>
    <rPh sb="0" eb="2">
      <t>サンシャ</t>
    </rPh>
    <rPh sb="2" eb="3">
      <t>キョウ</t>
    </rPh>
    <rPh sb="3" eb="4">
      <t>キョウチョウ</t>
    </rPh>
    <rPh sb="4" eb="6">
      <t>ホウシキ</t>
    </rPh>
    <phoneticPr fontId="6"/>
  </si>
  <si>
    <t>事業系</t>
    <rPh sb="0" eb="2">
      <t>ジギョウ</t>
    </rPh>
    <rPh sb="2" eb="3">
      <t>ケイ</t>
    </rPh>
    <phoneticPr fontId="6"/>
  </si>
  <si>
    <t>許可事業者数</t>
    <rPh sb="0" eb="2">
      <t>キョカ</t>
    </rPh>
    <rPh sb="2" eb="5">
      <t>ジギョウシャ</t>
    </rPh>
    <rPh sb="5" eb="6">
      <t>スウ</t>
    </rPh>
    <phoneticPr fontId="6"/>
  </si>
  <si>
    <t>市   町   村・</t>
    <rPh sb="0" eb="9">
      <t>シチョウソン</t>
    </rPh>
    <phoneticPr fontId="6"/>
  </si>
  <si>
    <t>処理体制</t>
  </si>
  <si>
    <t>収集
運搬</t>
    <rPh sb="0" eb="2">
      <t>シュウシュウ</t>
    </rPh>
    <rPh sb="3" eb="5">
      <t>ウンパン</t>
    </rPh>
    <phoneticPr fontId="6"/>
  </si>
  <si>
    <t>処理</t>
    <rPh sb="0" eb="2">
      <t>ショリ</t>
    </rPh>
    <phoneticPr fontId="6"/>
  </si>
  <si>
    <t>一部事務</t>
    <rPh sb="0" eb="2">
      <t>イチブ</t>
    </rPh>
    <rPh sb="2" eb="4">
      <t>ジム</t>
    </rPh>
    <phoneticPr fontId="6"/>
  </si>
  <si>
    <t>区分内訳</t>
    <rPh sb="0" eb="2">
      <t>クブン</t>
    </rPh>
    <rPh sb="2" eb="4">
      <t>ウチワケ</t>
    </rPh>
    <phoneticPr fontId="6"/>
  </si>
  <si>
    <t>分別</t>
    <rPh sb="0" eb="2">
      <t>ブンベツ</t>
    </rPh>
    <phoneticPr fontId="6"/>
  </si>
  <si>
    <t>収 集 運 搬</t>
    <rPh sb="0" eb="3">
      <t>シュウシュウ</t>
    </rPh>
    <rPh sb="4" eb="7">
      <t>ウンパン</t>
    </rPh>
    <phoneticPr fontId="6"/>
  </si>
  <si>
    <t>焼       却</t>
    <rPh sb="0" eb="9">
      <t>ショウキャク</t>
    </rPh>
    <phoneticPr fontId="6"/>
  </si>
  <si>
    <t>中間処理
（焼却を除く）</t>
    <rPh sb="0" eb="2">
      <t>チュウカン</t>
    </rPh>
    <rPh sb="2" eb="4">
      <t>ショリ</t>
    </rPh>
    <rPh sb="6" eb="8">
      <t>ショウキャク</t>
    </rPh>
    <rPh sb="9" eb="10">
      <t>ノゾ</t>
    </rPh>
    <phoneticPr fontId="6"/>
  </si>
  <si>
    <t>埋      立
（残渣を含む）</t>
    <rPh sb="0" eb="1">
      <t>マイ</t>
    </rPh>
    <rPh sb="7" eb="8">
      <t>リツ</t>
    </rPh>
    <phoneticPr fontId="6"/>
  </si>
  <si>
    <t>組合名</t>
    <rPh sb="0" eb="2">
      <t>クミアイ</t>
    </rPh>
    <rPh sb="2" eb="3">
      <t>メイ</t>
    </rPh>
    <phoneticPr fontId="6"/>
  </si>
  <si>
    <t>種類数</t>
    <phoneticPr fontId="6"/>
  </si>
  <si>
    <t>混</t>
    <rPh sb="0" eb="1">
      <t>コン</t>
    </rPh>
    <phoneticPr fontId="6"/>
  </si>
  <si>
    <t>可</t>
    <rPh sb="0" eb="1">
      <t>カ</t>
    </rPh>
    <phoneticPr fontId="6"/>
  </si>
  <si>
    <t>不</t>
    <rPh sb="0" eb="1">
      <t>フ</t>
    </rPh>
    <phoneticPr fontId="6"/>
  </si>
  <si>
    <t>粗</t>
    <rPh sb="0" eb="1">
      <t>ホボ</t>
    </rPh>
    <phoneticPr fontId="6"/>
  </si>
  <si>
    <t>資</t>
    <rPh sb="0" eb="1">
      <t>シ</t>
    </rPh>
    <phoneticPr fontId="6"/>
  </si>
  <si>
    <t>そ</t>
    <phoneticPr fontId="6"/>
  </si>
  <si>
    <t>直</t>
    <rPh sb="0" eb="1">
      <t>チョク</t>
    </rPh>
    <phoneticPr fontId="6"/>
  </si>
  <si>
    <t>組</t>
    <rPh sb="0" eb="1">
      <t>クミ</t>
    </rPh>
    <phoneticPr fontId="6"/>
  </si>
  <si>
    <t>委</t>
    <rPh sb="0" eb="1">
      <t>イ</t>
    </rPh>
    <phoneticPr fontId="6"/>
  </si>
  <si>
    <t>許</t>
    <rPh sb="0" eb="1">
      <t>キョ</t>
    </rPh>
    <phoneticPr fontId="6"/>
  </si>
  <si>
    <t>他</t>
    <rPh sb="0" eb="1">
      <t>ホカ</t>
    </rPh>
    <phoneticPr fontId="6"/>
  </si>
  <si>
    <t>○</t>
    <phoneticPr fontId="6"/>
  </si>
  <si>
    <t>秦野市伊勢原市
環境衛生組合</t>
    <rPh sb="0" eb="3">
      <t>ハタノシ</t>
    </rPh>
    <rPh sb="3" eb="7">
      <t>イセハラシ</t>
    </rPh>
    <rPh sb="8" eb="12">
      <t>カンキョウエイセイ</t>
    </rPh>
    <rPh sb="12" eb="14">
      <t>クミアイ</t>
    </rPh>
    <phoneticPr fontId="6"/>
  </si>
  <si>
    <t>×</t>
    <phoneticPr fontId="6"/>
  </si>
  <si>
    <t>×</t>
  </si>
  <si>
    <t>高座清掃
施設組合</t>
    <rPh sb="0" eb="2">
      <t>コウザ</t>
    </rPh>
    <rPh sb="2" eb="4">
      <t>セイソウ</t>
    </rPh>
    <rPh sb="5" eb="7">
      <t>シセツ</t>
    </rPh>
    <rPh sb="7" eb="9">
      <t>クミアイ</t>
    </rPh>
    <phoneticPr fontId="6"/>
  </si>
  <si>
    <t>○</t>
  </si>
  <si>
    <t>湯河原町真鶴町
衛生組合</t>
    <rPh sb="0" eb="4">
      <t>ユガワラマチ</t>
    </rPh>
    <rPh sb="4" eb="6">
      <t>マナヅル</t>
    </rPh>
    <rPh sb="6" eb="7">
      <t>マチ</t>
    </rPh>
    <rPh sb="8" eb="10">
      <t>エイセイ</t>
    </rPh>
    <rPh sb="10" eb="12">
      <t>クミアイ</t>
    </rPh>
    <phoneticPr fontId="6"/>
  </si>
  <si>
    <t>足柄東部
清掃組合</t>
    <rPh sb="0" eb="2">
      <t>アシガラ</t>
    </rPh>
    <rPh sb="2" eb="3">
      <t>トウ</t>
    </rPh>
    <rPh sb="3" eb="4">
      <t>ブ</t>
    </rPh>
    <rPh sb="5" eb="7">
      <t>セイソウ</t>
    </rPh>
    <rPh sb="7" eb="9">
      <t>クミアイ</t>
    </rPh>
    <phoneticPr fontId="6"/>
  </si>
  <si>
    <t>足柄西部
清掃組合</t>
    <rPh sb="0" eb="2">
      <t>アシガラ</t>
    </rPh>
    <rPh sb="2" eb="4">
      <t>セイブ</t>
    </rPh>
    <rPh sb="5" eb="7">
      <t>セイソウ</t>
    </rPh>
    <rPh sb="7" eb="9">
      <t>クミアイ</t>
    </rPh>
    <phoneticPr fontId="6"/>
  </si>
  <si>
    <t>事務組合計</t>
    <rPh sb="0" eb="2">
      <t>ジム</t>
    </rPh>
    <rPh sb="2" eb="4">
      <t>クミアイ</t>
    </rPh>
    <rPh sb="4" eb="5">
      <t>ケイ</t>
    </rPh>
    <phoneticPr fontId="6"/>
  </si>
  <si>
    <t xml:space="preserve">         混＝混合ごみ、 可＝可燃ごみ、 不＝不燃ごみ、 資＝資源ごみ、 粗＝粗大ごみ、そ＝その他のごみ、 直＝市町村直営、 組＝一部事務組合直営</t>
    <rPh sb="9" eb="10">
      <t>コン</t>
    </rPh>
    <rPh sb="11" eb="13">
      <t>コンゴウ</t>
    </rPh>
    <rPh sb="17" eb="18">
      <t>カ</t>
    </rPh>
    <rPh sb="19" eb="21">
      <t>カネン</t>
    </rPh>
    <rPh sb="25" eb="26">
      <t>フ</t>
    </rPh>
    <rPh sb="27" eb="29">
      <t>フネン</t>
    </rPh>
    <rPh sb="33" eb="34">
      <t>シ</t>
    </rPh>
    <rPh sb="35" eb="37">
      <t>シゲン</t>
    </rPh>
    <rPh sb="41" eb="42">
      <t>ソ</t>
    </rPh>
    <rPh sb="43" eb="45">
      <t>ソダイ</t>
    </rPh>
    <rPh sb="50" eb="53">
      <t>ソノタ</t>
    </rPh>
    <rPh sb="58" eb="59">
      <t>チョク</t>
    </rPh>
    <rPh sb="60" eb="63">
      <t>シチョウソン</t>
    </rPh>
    <rPh sb="63" eb="65">
      <t>チョクエイ</t>
    </rPh>
    <rPh sb="67" eb="68">
      <t>クミ</t>
    </rPh>
    <rPh sb="69" eb="71">
      <t>イチブ</t>
    </rPh>
    <rPh sb="71" eb="73">
      <t>ジム</t>
    </rPh>
    <rPh sb="73" eb="75">
      <t>クミアイ</t>
    </rPh>
    <rPh sb="75" eb="77">
      <t>チョクエイ</t>
    </rPh>
    <phoneticPr fontId="6"/>
  </si>
  <si>
    <t>　　　  委＝業者委託、他＝他市町村・市町村構成外組合委託</t>
    <rPh sb="7" eb="9">
      <t>ギョウシャ</t>
    </rPh>
    <rPh sb="9" eb="11">
      <t>イタク</t>
    </rPh>
    <rPh sb="12" eb="13">
      <t>タ</t>
    </rPh>
    <rPh sb="14" eb="15">
      <t>タ</t>
    </rPh>
    <rPh sb="15" eb="18">
      <t>シチョウソン</t>
    </rPh>
    <rPh sb="19" eb="22">
      <t>シチョウソン</t>
    </rPh>
    <rPh sb="22" eb="24">
      <t>コウセイ</t>
    </rPh>
    <rPh sb="24" eb="25">
      <t>ガイ</t>
    </rPh>
    <rPh sb="25" eb="27">
      <t>クミアイ</t>
    </rPh>
    <rPh sb="27" eb="29">
      <t>イタク</t>
    </rPh>
    <phoneticPr fontId="6"/>
  </si>
  <si>
    <r>
      <t xml:space="preserve">（注） </t>
    </r>
    <r>
      <rPr>
        <sz val="6"/>
        <rFont val="ＭＳ Ｐ明朝"/>
        <family val="1"/>
        <charset val="128"/>
      </rPr>
      <t xml:space="preserve"> </t>
    </r>
    <r>
      <rPr>
        <sz val="8"/>
        <rFont val="ＭＳ Ｐ明朝"/>
        <family val="1"/>
        <charset val="128"/>
      </rPr>
      <t>１.分別種類数とは、排出者がごみを排出する際に分ける必要のある数（種類）をいう。例えば、資源ごみを缶、ビン、紙に分けて排出する場合は、３種類となる。</t>
    </r>
    <rPh sb="7" eb="9">
      <t>ブンベツ</t>
    </rPh>
    <rPh sb="9" eb="12">
      <t>シュルイスウ</t>
    </rPh>
    <rPh sb="15" eb="18">
      <t>ハイシュツシャ</t>
    </rPh>
    <rPh sb="22" eb="24">
      <t>ハイシュツ</t>
    </rPh>
    <rPh sb="26" eb="27">
      <t>サイ</t>
    </rPh>
    <rPh sb="28" eb="29">
      <t>ワ</t>
    </rPh>
    <rPh sb="31" eb="33">
      <t>ヒツヨウ</t>
    </rPh>
    <rPh sb="36" eb="37">
      <t>カズ</t>
    </rPh>
    <rPh sb="38" eb="40">
      <t>シュルイ</t>
    </rPh>
    <rPh sb="45" eb="46">
      <t>タト</t>
    </rPh>
    <rPh sb="49" eb="51">
      <t>シゲン</t>
    </rPh>
    <rPh sb="54" eb="55">
      <t>カン</t>
    </rPh>
    <rPh sb="59" eb="60">
      <t>カミ</t>
    </rPh>
    <rPh sb="61" eb="62">
      <t>ワ</t>
    </rPh>
    <rPh sb="64" eb="66">
      <t>ハイシュツ</t>
    </rPh>
    <rPh sb="68" eb="70">
      <t>バアイ</t>
    </rPh>
    <rPh sb="73" eb="75">
      <t>シュルイ</t>
    </rPh>
    <phoneticPr fontId="6"/>
  </si>
  <si>
    <t>　　　　２.三者協調方式とは、市町村が自治会等に資源化物の集団回収を委託し、かつ、業者に自治会等が回収した資源化物の収集と引取りを委託する方式である。</t>
    <phoneticPr fontId="6"/>
  </si>
  <si>
    <t>　　　　３.許可業者数は、同一事業者が複数市町村の許可を取得している可能性があり、合計は重複した値である。</t>
    <rPh sb="6" eb="8">
      <t>キョカ</t>
    </rPh>
    <rPh sb="8" eb="11">
      <t>ギョウシャスウ</t>
    </rPh>
    <rPh sb="13" eb="15">
      <t>ドウイツ</t>
    </rPh>
    <rPh sb="15" eb="17">
      <t>ジギョウ</t>
    </rPh>
    <rPh sb="17" eb="18">
      <t>シャ</t>
    </rPh>
    <rPh sb="19" eb="21">
      <t>フクスウ</t>
    </rPh>
    <rPh sb="21" eb="24">
      <t>シチョウソン</t>
    </rPh>
    <rPh sb="25" eb="27">
      <t>キョカ</t>
    </rPh>
    <rPh sb="28" eb="30">
      <t>シュトク</t>
    </rPh>
    <rPh sb="34" eb="37">
      <t>カノウセイ</t>
    </rPh>
    <rPh sb="41" eb="43">
      <t>ゴウケイ</t>
    </rPh>
    <rPh sb="44" eb="46">
      <t>チョウフク</t>
    </rPh>
    <rPh sb="48" eb="49">
      <t>アタイ</t>
    </rPh>
    <phoneticPr fontId="6"/>
  </si>
  <si>
    <t>　　  　４.本章における各数値は、収集実績であり、Ⅴ章の処理量（処理量ベース）と整合しない場合がある。</t>
    <rPh sb="7" eb="9">
      <t>ホンショウ</t>
    </rPh>
    <rPh sb="13" eb="16">
      <t>カクスウチ</t>
    </rPh>
    <rPh sb="18" eb="20">
      <t>シュウシュウ</t>
    </rPh>
    <rPh sb="20" eb="22">
      <t>ジッセキ</t>
    </rPh>
    <rPh sb="27" eb="28">
      <t>ショウ</t>
    </rPh>
    <rPh sb="29" eb="31">
      <t>ショリ</t>
    </rPh>
    <rPh sb="31" eb="32">
      <t>リョウ</t>
    </rPh>
    <rPh sb="33" eb="35">
      <t>ショリ</t>
    </rPh>
    <rPh sb="35" eb="36">
      <t>リョウ</t>
    </rPh>
    <rPh sb="41" eb="43">
      <t>セイゴウ</t>
    </rPh>
    <rPh sb="46" eb="48">
      <t>バアイ</t>
    </rPh>
    <phoneticPr fontId="6"/>
  </si>
  <si>
    <t>　</t>
  </si>
  <si>
    <t>４　焼却処理・埋立処分内訳</t>
    <rPh sb="2" eb="4">
      <t>ショウキャク</t>
    </rPh>
    <rPh sb="4" eb="6">
      <t>ショリ</t>
    </rPh>
    <rPh sb="7" eb="9">
      <t>ウメタテ</t>
    </rPh>
    <rPh sb="9" eb="11">
      <t>ショブン</t>
    </rPh>
    <rPh sb="11" eb="13">
      <t>ウチワケ</t>
    </rPh>
    <phoneticPr fontId="6"/>
  </si>
  <si>
    <t>表Ⅲ－９   ごみの焼却処理一覧表</t>
    <rPh sb="0" eb="1">
      <t>ヒョウ</t>
    </rPh>
    <rPh sb="10" eb="12">
      <t>ショウキャク</t>
    </rPh>
    <rPh sb="12" eb="14">
      <t>ショリ</t>
    </rPh>
    <rPh sb="14" eb="17">
      <t>イチランヒョウ</t>
    </rPh>
    <phoneticPr fontId="6"/>
  </si>
  <si>
    <t>焼却処理施設</t>
    <rPh sb="0" eb="2">
      <t>ショウキャク</t>
    </rPh>
    <rPh sb="2" eb="4">
      <t>ショリ</t>
    </rPh>
    <rPh sb="4" eb="6">
      <t>シセツ</t>
    </rPh>
    <phoneticPr fontId="6"/>
  </si>
  <si>
    <t>市  町  村  名</t>
    <rPh sb="0" eb="7">
      <t>シチョウソン</t>
    </rPh>
    <rPh sb="9" eb="10">
      <t>メイ</t>
    </rPh>
    <phoneticPr fontId="6"/>
  </si>
  <si>
    <t>①  直 　  接
　   焼 却 量</t>
    <phoneticPr fontId="6"/>
  </si>
  <si>
    <t>② 中間処理後
残渣焼却量</t>
    <rPh sb="2" eb="4">
      <t>チュウカン</t>
    </rPh>
    <rPh sb="4" eb="6">
      <t>ショリ</t>
    </rPh>
    <rPh sb="6" eb="7">
      <t>ゴ</t>
    </rPh>
    <rPh sb="8" eb="10">
      <t>ザンサ</t>
    </rPh>
    <rPh sb="10" eb="12">
      <t>ショウキャク</t>
    </rPh>
    <rPh sb="12" eb="13">
      <t>リョウ</t>
    </rPh>
    <phoneticPr fontId="6"/>
  </si>
  <si>
    <t>焼  却  量</t>
    <rPh sb="0" eb="4">
      <t>ショウキャク</t>
    </rPh>
    <rPh sb="6" eb="7">
      <t>リョウ</t>
    </rPh>
    <phoneticPr fontId="6"/>
  </si>
  <si>
    <t>④　うち他市町村 ・業者における焼却量</t>
    <rPh sb="4" eb="5">
      <t>タ</t>
    </rPh>
    <rPh sb="5" eb="8">
      <t>シチョウソン</t>
    </rPh>
    <rPh sb="10" eb="12">
      <t>ギョウシャ</t>
    </rPh>
    <rPh sb="16" eb="19">
      <t>ショウキャクリョウ</t>
    </rPh>
    <phoneticPr fontId="6"/>
  </si>
  <si>
    <t>他市町村から受け入れた
焼却量</t>
    <rPh sb="0" eb="1">
      <t>タ</t>
    </rPh>
    <rPh sb="1" eb="4">
      <t>シチョウソン</t>
    </rPh>
    <rPh sb="6" eb="7">
      <t>ウ</t>
    </rPh>
    <rPh sb="8" eb="9">
      <t>イ</t>
    </rPh>
    <rPh sb="12" eb="14">
      <t>ショウキャク</t>
    </rPh>
    <rPh sb="14" eb="15">
      <t>リョウ</t>
    </rPh>
    <phoneticPr fontId="6"/>
  </si>
  <si>
    <t>市町村における焼却量　　　　　　　　　　　＝③－④＋⑤</t>
    <rPh sb="0" eb="3">
      <t>シチョウソン</t>
    </rPh>
    <rPh sb="7" eb="10">
      <t>ショウキャクリョウ</t>
    </rPh>
    <phoneticPr fontId="6"/>
  </si>
  <si>
    <t>うち一部事務組合施設における焼却量</t>
    <rPh sb="2" eb="4">
      <t>イチブ</t>
    </rPh>
    <rPh sb="4" eb="6">
      <t>ジム</t>
    </rPh>
    <rPh sb="6" eb="8">
      <t>クミアイ</t>
    </rPh>
    <phoneticPr fontId="6"/>
  </si>
  <si>
    <r>
      <t>⑦焼却量に
対する比率</t>
    </r>
    <r>
      <rPr>
        <sz val="8"/>
        <rFont val="ＭＳ Ｐ明朝"/>
        <family val="1"/>
        <charset val="128"/>
      </rPr>
      <t xml:space="preserve">
</t>
    </r>
    <r>
      <rPr>
        <sz val="7"/>
        <rFont val="ＭＳ Ｐ明朝"/>
        <family val="1"/>
        <charset val="128"/>
      </rPr>
      <t>(%) ＝⑥/③×100</t>
    </r>
    <rPh sb="1" eb="4">
      <t>ショウキャクリョウ</t>
    </rPh>
    <rPh sb="6" eb="7">
      <t>タイ</t>
    </rPh>
    <rPh sb="9" eb="11">
      <t>ヒリツ</t>
    </rPh>
    <phoneticPr fontId="6"/>
  </si>
  <si>
    <t>による処理率</t>
    <rPh sb="3" eb="5">
      <t>ショリ</t>
    </rPh>
    <rPh sb="5" eb="6">
      <t>リツ</t>
    </rPh>
    <phoneticPr fontId="6"/>
  </si>
  <si>
    <t>＝①+②</t>
    <phoneticPr fontId="6"/>
  </si>
  <si>
    <t>他市町村分</t>
    <rPh sb="0" eb="1">
      <t>タ</t>
    </rPh>
    <rPh sb="1" eb="4">
      <t>シチョウソン</t>
    </rPh>
    <rPh sb="4" eb="5">
      <t>ブン</t>
    </rPh>
    <phoneticPr fontId="6"/>
  </si>
  <si>
    <t>業者分</t>
    <rPh sb="0" eb="2">
      <t>ギョウジャ</t>
    </rPh>
    <rPh sb="2" eb="3">
      <t>ブン</t>
    </rPh>
    <phoneticPr fontId="6"/>
  </si>
  <si>
    <t>（参考：％）</t>
    <rPh sb="1" eb="3">
      <t>サンコウ</t>
    </rPh>
    <phoneticPr fontId="6"/>
  </si>
  <si>
    <t>　○焼却処理施設による処理率</t>
    <rPh sb="2" eb="4">
      <t>ショウキャク</t>
    </rPh>
    <rPh sb="4" eb="6">
      <t>ショリ</t>
    </rPh>
    <rPh sb="6" eb="8">
      <t>シセツ</t>
    </rPh>
    <rPh sb="11" eb="13">
      <t>ショリ</t>
    </rPh>
    <rPh sb="13" eb="14">
      <t>リツ</t>
    </rPh>
    <phoneticPr fontId="6"/>
  </si>
  <si>
    <t>　＝</t>
    <phoneticPr fontId="6"/>
  </si>
  <si>
    <t>焼却量</t>
    <rPh sb="0" eb="3">
      <t>ショウキャクリョウ</t>
    </rPh>
    <phoneticPr fontId="6"/>
  </si>
  <si>
    <t>×１００</t>
    <phoneticPr fontId="6"/>
  </si>
  <si>
    <t>計画収集総量－資源化量</t>
    <rPh sb="0" eb="2">
      <t>ケイカク</t>
    </rPh>
    <rPh sb="2" eb="4">
      <t>シュウシュウ</t>
    </rPh>
    <rPh sb="4" eb="6">
      <t>ソウリョウ</t>
    </rPh>
    <rPh sb="7" eb="10">
      <t>シゲンカ</t>
    </rPh>
    <rPh sb="10" eb="11">
      <t>リョウ</t>
    </rPh>
    <phoneticPr fontId="6"/>
  </si>
  <si>
    <t>*印は、静岡県熱海市への委託である。</t>
    <rPh sb="1" eb="2">
      <t>シルシ</t>
    </rPh>
    <phoneticPr fontId="3"/>
  </si>
  <si>
    <t>表Ⅲ－１0  ごみの埋立処分一覧表</t>
    <rPh sb="0" eb="1">
      <t>ヒョウ</t>
    </rPh>
    <rPh sb="10" eb="12">
      <t>ウメタテ</t>
    </rPh>
    <rPh sb="12" eb="14">
      <t>ショブン</t>
    </rPh>
    <rPh sb="14" eb="17">
      <t>イチランヒョウ</t>
    </rPh>
    <phoneticPr fontId="6"/>
  </si>
  <si>
    <t xml:space="preserve">（単位： t / 年） </t>
    <rPh sb="1" eb="3">
      <t>タンイ</t>
    </rPh>
    <rPh sb="9" eb="10">
      <t>ネン</t>
    </rPh>
    <phoneticPr fontId="6"/>
  </si>
  <si>
    <t>埋　　　　　立　　　　　量　　　（焼却残渣を除く）</t>
    <rPh sb="0" eb="1">
      <t>マイ</t>
    </rPh>
    <rPh sb="6" eb="7">
      <t>タテ</t>
    </rPh>
    <rPh sb="12" eb="13">
      <t>リョウ</t>
    </rPh>
    <rPh sb="17" eb="18">
      <t>ヤキ</t>
    </rPh>
    <rPh sb="18" eb="19">
      <t>キャク</t>
    </rPh>
    <rPh sb="19" eb="20">
      <t>ザン</t>
    </rPh>
    <rPh sb="20" eb="21">
      <t>カス</t>
    </rPh>
    <rPh sb="22" eb="23">
      <t>ノゾ</t>
    </rPh>
    <phoneticPr fontId="6"/>
  </si>
  <si>
    <t>　焼却残渣埋立量　　</t>
    <phoneticPr fontId="6"/>
  </si>
  <si>
    <t>⑰</t>
    <phoneticPr fontId="6"/>
  </si>
  <si>
    <t>計画収集総量</t>
    <rPh sb="0" eb="2">
      <t>ケイカク</t>
    </rPh>
    <rPh sb="2" eb="4">
      <t>シュウシュウ</t>
    </rPh>
    <rPh sb="4" eb="6">
      <t>ソウリョウ</t>
    </rPh>
    <phoneticPr fontId="6"/>
  </si>
  <si>
    <t>⑦　市町村における</t>
    <phoneticPr fontId="6"/>
  </si>
  <si>
    <t>⑮　市町村における</t>
    <phoneticPr fontId="6"/>
  </si>
  <si>
    <t>全埋立量
　　　　　　　　　＝④＋⑫</t>
    <rPh sb="0" eb="1">
      <t>ゼン</t>
    </rPh>
    <rPh sb="1" eb="4">
      <t>ウメタテリョウ</t>
    </rPh>
    <phoneticPr fontId="6"/>
  </si>
  <si>
    <t>⑱
市町村における埋立量
=⑦+⑮</t>
    <phoneticPr fontId="6"/>
  </si>
  <si>
    <t>⑲全埋立量
に対する比率（％）
=⑱/⑰×100</t>
    <rPh sb="1" eb="2">
      <t>ゼン</t>
    </rPh>
    <rPh sb="2" eb="3">
      <t>ウ</t>
    </rPh>
    <rPh sb="3" eb="4">
      <t>タテ</t>
    </rPh>
    <rPh sb="4" eb="5">
      <t>リョウ</t>
    </rPh>
    <rPh sb="7" eb="8">
      <t>タイ</t>
    </rPh>
    <rPh sb="10" eb="12">
      <t>ヒリツ</t>
    </rPh>
    <phoneticPr fontId="6"/>
  </si>
  <si>
    <t>最終処分率(％)
＝⑰/①×100</t>
    <phoneticPr fontId="6"/>
  </si>
  <si>
    <t>市町村名</t>
    <rPh sb="0" eb="4">
      <t>シチョウソンメイ</t>
    </rPh>
    <phoneticPr fontId="6"/>
  </si>
  <si>
    <t>⑤ うち他市町村・</t>
    <rPh sb="4" eb="5">
      <t>タ</t>
    </rPh>
    <rPh sb="5" eb="8">
      <t>シチョウソン</t>
    </rPh>
    <phoneticPr fontId="6"/>
  </si>
  <si>
    <t>他市町村から受入れた埋立量</t>
    <rPh sb="0" eb="1">
      <t>タ</t>
    </rPh>
    <rPh sb="1" eb="4">
      <t>シチョウソン</t>
    </rPh>
    <phoneticPr fontId="6"/>
  </si>
  <si>
    <t>埋立量
＝④-⑤+⑥</t>
    <phoneticPr fontId="6"/>
  </si>
  <si>
    <t>うち組合
における
埋立量</t>
    <rPh sb="2" eb="4">
      <t>クミアイ</t>
    </rPh>
    <rPh sb="10" eb="11">
      <t>マイ</t>
    </rPh>
    <rPh sb="11" eb="12">
      <t>タテ</t>
    </rPh>
    <rPh sb="12" eb="13">
      <t>リョウ</t>
    </rPh>
    <phoneticPr fontId="6"/>
  </si>
  <si>
    <t>⑧埋立量に対する比率（％）　＝⑦/④×100</t>
    <rPh sb="1" eb="3">
      <t>ウメタテ</t>
    </rPh>
    <rPh sb="3" eb="4">
      <t>リョウ</t>
    </rPh>
    <rPh sb="5" eb="6">
      <t>タイ</t>
    </rPh>
    <rPh sb="8" eb="10">
      <t>ヒリツ</t>
    </rPh>
    <phoneticPr fontId="6"/>
  </si>
  <si>
    <t>焼却</t>
    <rPh sb="0" eb="2">
      <t>ショウキャク</t>
    </rPh>
    <phoneticPr fontId="6"/>
  </si>
  <si>
    <t>焼却残渣
からの
資源化量</t>
    <rPh sb="0" eb="2">
      <t>ショウキャク</t>
    </rPh>
    <rPh sb="2" eb="4">
      <t>ザンサ</t>
    </rPh>
    <phoneticPr fontId="6"/>
  </si>
  <si>
    <t>焼却残渣の資源化に伴う減量化量</t>
    <rPh sb="0" eb="2">
      <t>ショウキャク</t>
    </rPh>
    <rPh sb="2" eb="4">
      <t>ザンサ</t>
    </rPh>
    <rPh sb="5" eb="8">
      <t>シゲンカ</t>
    </rPh>
    <rPh sb="9" eb="10">
      <t>トモナ</t>
    </rPh>
    <rPh sb="11" eb="14">
      <t>ゲンリョウカ</t>
    </rPh>
    <rPh sb="14" eb="15">
      <t>リョウ</t>
    </rPh>
    <phoneticPr fontId="6"/>
  </si>
  <si>
    <t>焼却残渣　　　　埋立量　　　　　　　　　＝⑨-⑩-⑪</t>
    <rPh sb="0" eb="2">
      <t>ショウキャク</t>
    </rPh>
    <rPh sb="2" eb="4">
      <t>ザンサ</t>
    </rPh>
    <rPh sb="8" eb="11">
      <t>ウメタテリョウ</t>
    </rPh>
    <phoneticPr fontId="6"/>
  </si>
  <si>
    <t>⑬ うち他市町村・</t>
    <rPh sb="4" eb="5">
      <t>タ</t>
    </rPh>
    <rPh sb="5" eb="8">
      <t>シチョウソン</t>
    </rPh>
    <phoneticPr fontId="6"/>
  </si>
  <si>
    <t>埋 立 量
＝⑫-⑬
+⑭</t>
    <phoneticPr fontId="6"/>
  </si>
  <si>
    <t>うち組合
における
埋立量</t>
    <rPh sb="2" eb="4">
      <t>クミアイ</t>
    </rPh>
    <rPh sb="10" eb="12">
      <t>ウメタテ</t>
    </rPh>
    <rPh sb="12" eb="13">
      <t>リョウ</t>
    </rPh>
    <phoneticPr fontId="6"/>
  </si>
  <si>
    <t>⑯焼却残渣
埋立量に対
する比率(％)
=⑮/⑫×100</t>
    <rPh sb="1" eb="3">
      <t>ショウキャク</t>
    </rPh>
    <rPh sb="3" eb="5">
      <t>ザンサ</t>
    </rPh>
    <rPh sb="6" eb="8">
      <t>ウメタテ</t>
    </rPh>
    <rPh sb="8" eb="9">
      <t>リョウ</t>
    </rPh>
    <rPh sb="10" eb="11">
      <t>タイ</t>
    </rPh>
    <rPh sb="14" eb="16">
      <t>ヒリツ</t>
    </rPh>
    <phoneticPr fontId="6"/>
  </si>
  <si>
    <t>中間処理</t>
    <rPh sb="0" eb="2">
      <t>チュウカン</t>
    </rPh>
    <rPh sb="2" eb="4">
      <t>ショリ</t>
    </rPh>
    <phoneticPr fontId="6"/>
  </si>
  <si>
    <t>業者における埋立量</t>
    <rPh sb="0" eb="2">
      <t>ギョウシャ</t>
    </rPh>
    <rPh sb="6" eb="8">
      <t>ウメタテ</t>
    </rPh>
    <rPh sb="8" eb="9">
      <t>リョウ</t>
    </rPh>
    <phoneticPr fontId="6"/>
  </si>
  <si>
    <t>残渣量</t>
    <rPh sb="0" eb="2">
      <t>ザンサ</t>
    </rPh>
    <rPh sb="2" eb="3">
      <t>リョウ</t>
    </rPh>
    <phoneticPr fontId="6"/>
  </si>
  <si>
    <t>業者における埋立量</t>
    <rPh sb="6" eb="8">
      <t>ウメタテ</t>
    </rPh>
    <rPh sb="8" eb="9">
      <t>リョウ</t>
    </rPh>
    <phoneticPr fontId="6"/>
  </si>
  <si>
    <t>埋立量</t>
    <phoneticPr fontId="6"/>
  </si>
  <si>
    <t>後埋立量</t>
    <rPh sb="1" eb="3">
      <t>ウメタテ</t>
    </rPh>
    <rPh sb="3" eb="4">
      <t>リョウ</t>
    </rPh>
    <phoneticPr fontId="6"/>
  </si>
  <si>
    <t>＝②+③</t>
    <phoneticPr fontId="6"/>
  </si>
  <si>
    <t>他市町村</t>
    <rPh sb="0" eb="1">
      <t>タ</t>
    </rPh>
    <rPh sb="1" eb="4">
      <t>シチョウソン</t>
    </rPh>
    <phoneticPr fontId="6"/>
  </si>
  <si>
    <t>業　者</t>
    <rPh sb="0" eb="1">
      <t>ギョウ</t>
    </rPh>
    <rPh sb="2" eb="3">
      <t>モノ</t>
    </rPh>
    <phoneticPr fontId="6"/>
  </si>
  <si>
    <t xml:space="preserve">  ５   資 源 化 ・ 再 利 用 状 況</t>
    <rPh sb="6" eb="11">
      <t>シゲンカ</t>
    </rPh>
    <rPh sb="14" eb="19">
      <t>サイリヨウ</t>
    </rPh>
    <rPh sb="20" eb="23">
      <t>ジョウキョウ</t>
    </rPh>
    <phoneticPr fontId="6"/>
  </si>
  <si>
    <t>表Ⅲ－１１   ごみの資源化・再利用状況総括表</t>
    <rPh sb="0" eb="1">
      <t>ヒョウ</t>
    </rPh>
    <rPh sb="11" eb="14">
      <t>シゲンカ</t>
    </rPh>
    <rPh sb="15" eb="18">
      <t>サイリヨウ</t>
    </rPh>
    <rPh sb="18" eb="20">
      <t>ジョウキョウ</t>
    </rPh>
    <rPh sb="20" eb="22">
      <t>ソウカツ</t>
    </rPh>
    <rPh sb="22" eb="23">
      <t>ヒョウ</t>
    </rPh>
    <phoneticPr fontId="6"/>
  </si>
  <si>
    <t>市町村による有価物回収</t>
    <rPh sb="0" eb="1">
      <t>シ</t>
    </rPh>
    <rPh sb="1" eb="2">
      <t>チョウ</t>
    </rPh>
    <rPh sb="2" eb="3">
      <t>ソン</t>
    </rPh>
    <rPh sb="6" eb="9">
      <t>ユウカブツ</t>
    </rPh>
    <rPh sb="9" eb="11">
      <t>カイシュウ</t>
    </rPh>
    <phoneticPr fontId="6"/>
  </si>
  <si>
    <t>自治会等による集団回収</t>
    <rPh sb="0" eb="3">
      <t>ジチカイ</t>
    </rPh>
    <rPh sb="3" eb="4">
      <t>トウ</t>
    </rPh>
    <rPh sb="7" eb="9">
      <t>シュウダン</t>
    </rPh>
    <rPh sb="9" eb="11">
      <t>カイシュウ</t>
    </rPh>
    <phoneticPr fontId="6"/>
  </si>
  <si>
    <t>不用品登録・
交換制度の
有無・成立件数</t>
    <rPh sb="0" eb="3">
      <t>フヨウヒン</t>
    </rPh>
    <rPh sb="3" eb="5">
      <t>トウロク</t>
    </rPh>
    <rPh sb="16" eb="18">
      <t>セイリツ</t>
    </rPh>
    <rPh sb="18" eb="20">
      <t>ケンスウ</t>
    </rPh>
    <phoneticPr fontId="6"/>
  </si>
  <si>
    <t>①計画
収集総量</t>
    <rPh sb="1" eb="3">
      <t>ケイカク</t>
    </rPh>
    <rPh sb="6" eb="8">
      <t>ソウリョウ</t>
    </rPh>
    <phoneticPr fontId="6"/>
  </si>
  <si>
    <t>② ①からの</t>
    <phoneticPr fontId="6"/>
  </si>
  <si>
    <t>③ 焼却残渣からの資源化量</t>
    <rPh sb="12" eb="13">
      <t>リョウ</t>
    </rPh>
    <phoneticPr fontId="6"/>
  </si>
  <si>
    <t>売上総額
(千円/年)</t>
    <rPh sb="0" eb="2">
      <t>ウリアゲ</t>
    </rPh>
    <rPh sb="2" eb="4">
      <t>ソウガク</t>
    </rPh>
    <rPh sb="6" eb="8">
      <t>センエン</t>
    </rPh>
    <rPh sb="9" eb="10">
      <t>ネン</t>
    </rPh>
    <phoneticPr fontId="6"/>
  </si>
  <si>
    <t>市町村からの補助金額</t>
    <rPh sb="0" eb="3">
      <t>シチョウソン</t>
    </rPh>
    <rPh sb="6" eb="9">
      <t>ホジョキン</t>
    </rPh>
    <rPh sb="9" eb="10">
      <t>ガク</t>
    </rPh>
    <phoneticPr fontId="6"/>
  </si>
  <si>
    <t>総資源化量</t>
    <rPh sb="0" eb="1">
      <t>ソウ</t>
    </rPh>
    <rPh sb="1" eb="4">
      <t>シゲンカ</t>
    </rPh>
    <rPh sb="4" eb="5">
      <t>リョウ</t>
    </rPh>
    <phoneticPr fontId="6"/>
  </si>
  <si>
    <t>リサイクル率</t>
    <phoneticPr fontId="6"/>
  </si>
  <si>
    <t>資源化量</t>
    <rPh sb="0" eb="4">
      <t>シゲンカリョウ</t>
    </rPh>
    <phoneticPr fontId="6"/>
  </si>
  <si>
    <t>焼却灰資源化</t>
    <rPh sb="0" eb="3">
      <t>ショウキャクバイ</t>
    </rPh>
    <rPh sb="3" eb="5">
      <t>シゲン</t>
    </rPh>
    <rPh sb="5" eb="6">
      <t>カ</t>
    </rPh>
    <phoneticPr fontId="6"/>
  </si>
  <si>
    <t>不燃残渣資源化</t>
    <rPh sb="0" eb="2">
      <t>フネン</t>
    </rPh>
    <rPh sb="2" eb="4">
      <t>ザンサ</t>
    </rPh>
    <rPh sb="4" eb="6">
      <t>シゲン</t>
    </rPh>
    <rPh sb="6" eb="7">
      <t>カ</t>
    </rPh>
    <phoneticPr fontId="6"/>
  </si>
  <si>
    <t>参加団体数</t>
    <rPh sb="0" eb="2">
      <t>サンカ</t>
    </rPh>
    <rPh sb="2" eb="5">
      <t>ダンタイスウ</t>
    </rPh>
    <phoneticPr fontId="6"/>
  </si>
  <si>
    <t>回 収 量</t>
    <phoneticPr fontId="6"/>
  </si>
  <si>
    <t>売上総額</t>
    <rPh sb="0" eb="2">
      <t>ウリアゲ</t>
    </rPh>
    <rPh sb="2" eb="4">
      <t>ソウガク</t>
    </rPh>
    <phoneticPr fontId="6"/>
  </si>
  <si>
    <t>住 民 団 体</t>
    <rPh sb="0" eb="3">
      <t>ジュウミン</t>
    </rPh>
    <rPh sb="4" eb="7">
      <t>ダンタイ</t>
    </rPh>
    <phoneticPr fontId="6"/>
  </si>
  <si>
    <t>資 源 回 収</t>
    <rPh sb="0" eb="1">
      <t>シ</t>
    </rPh>
    <rPh sb="2" eb="3">
      <t>ミナモト</t>
    </rPh>
    <rPh sb="4" eb="5">
      <t>カイ</t>
    </rPh>
    <rPh sb="6" eb="7">
      <t>オサム</t>
    </rPh>
    <phoneticPr fontId="6"/>
  </si>
  <si>
    <t>（ｔ／年）</t>
  </si>
  <si>
    <t>（ｔ／年）</t>
    <rPh sb="3" eb="4">
      <t>ネン</t>
    </rPh>
    <phoneticPr fontId="6"/>
  </si>
  <si>
    <t>（ｔ／年）</t>
    <phoneticPr fontId="6"/>
  </si>
  <si>
    <t>（千円／年）</t>
    <rPh sb="1" eb="3">
      <t>センエン</t>
    </rPh>
    <rPh sb="4" eb="5">
      <t>ネン</t>
    </rPh>
    <phoneticPr fontId="6"/>
  </si>
  <si>
    <t>（千円／年）</t>
  </si>
  <si>
    <t>へ の 補 助</t>
    <rPh sb="4" eb="7">
      <t>ホジョ</t>
    </rPh>
    <phoneticPr fontId="6"/>
  </si>
  <si>
    <t>業者への補助</t>
    <rPh sb="0" eb="2">
      <t>ギョウシャ</t>
    </rPh>
    <rPh sb="4" eb="6">
      <t>ホジョ</t>
    </rPh>
    <phoneticPr fontId="6"/>
  </si>
  <si>
    <t>= ①+④</t>
    <phoneticPr fontId="6"/>
  </si>
  <si>
    <t>= ②+③+④</t>
    <phoneticPr fontId="6"/>
  </si>
  <si>
    <t>= ⑥/⑤×100</t>
    <phoneticPr fontId="6"/>
  </si>
  <si>
    <t>有</t>
    <rPh sb="0" eb="1">
      <t>ア</t>
    </rPh>
    <phoneticPr fontId="6"/>
  </si>
  <si>
    <t>無</t>
    <rPh sb="0" eb="1">
      <t>ム</t>
    </rPh>
    <phoneticPr fontId="6"/>
  </si>
  <si>
    <t>件数</t>
    <rPh sb="0" eb="2">
      <t>ケンスウ</t>
    </rPh>
    <phoneticPr fontId="6"/>
  </si>
  <si>
    <t>(注)   １．藤沢市及び三浦市は、行政、団体、回収業者の三者協調方式による集団回収を含む。</t>
    <rPh sb="1" eb="2">
      <t>チュウ</t>
    </rPh>
    <rPh sb="8" eb="11">
      <t>フジサワシ</t>
    </rPh>
    <rPh sb="11" eb="12">
      <t>オヨ</t>
    </rPh>
    <rPh sb="13" eb="15">
      <t>ミウラ</t>
    </rPh>
    <rPh sb="15" eb="16">
      <t>シ</t>
    </rPh>
    <rPh sb="18" eb="20">
      <t>ギョウセイ</t>
    </rPh>
    <rPh sb="21" eb="23">
      <t>ダンタイ</t>
    </rPh>
    <rPh sb="24" eb="26">
      <t>カイシュウ</t>
    </rPh>
    <rPh sb="26" eb="28">
      <t>ギョウシャ</t>
    </rPh>
    <rPh sb="29" eb="30">
      <t>サン</t>
    </rPh>
    <rPh sb="30" eb="31">
      <t>サンシャ</t>
    </rPh>
    <rPh sb="31" eb="33">
      <t>キョウチョウ</t>
    </rPh>
    <rPh sb="33" eb="35">
      <t>ホウシキ</t>
    </rPh>
    <rPh sb="38" eb="40">
      <t>シュウダン</t>
    </rPh>
    <rPh sb="40" eb="42">
      <t>カイシュウ</t>
    </rPh>
    <rPh sb="43" eb="44">
      <t>フク</t>
    </rPh>
    <phoneticPr fontId="6"/>
  </si>
  <si>
    <t>　 　　２．平塚市の三者協調方式による集団回収量は、全量資源ごみに計上している。</t>
    <rPh sb="6" eb="9">
      <t>ヒラツカシ</t>
    </rPh>
    <rPh sb="10" eb="12">
      <t>サンシャ</t>
    </rPh>
    <rPh sb="12" eb="14">
      <t>キョウチョウ</t>
    </rPh>
    <rPh sb="14" eb="16">
      <t>ホウシキ</t>
    </rPh>
    <rPh sb="19" eb="21">
      <t>シュウダン</t>
    </rPh>
    <rPh sb="21" eb="23">
      <t>カイシュウ</t>
    </rPh>
    <rPh sb="23" eb="24">
      <t>リョウ</t>
    </rPh>
    <rPh sb="26" eb="28">
      <t>ゼンリョウ</t>
    </rPh>
    <rPh sb="28" eb="30">
      <t>シゲン</t>
    </rPh>
    <rPh sb="33" eb="35">
      <t>ケイジョウ</t>
    </rPh>
    <phoneticPr fontId="6"/>
  </si>
  <si>
    <t xml:space="preserve"> 　　　３．逗子市は、エコ広場ずし（不用品の市民交流センター等への持ち込み及び同センター等からの持ち帰り制度）に移行したことにより、平成27年度から従来の掲示板形式による不用品登録・交換制度を廃止した。</t>
    <rPh sb="6" eb="8">
      <t>ズシ</t>
    </rPh>
    <rPh sb="8" eb="9">
      <t>シ</t>
    </rPh>
    <rPh sb="18" eb="21">
      <t>フヨウヒン</t>
    </rPh>
    <rPh sb="37" eb="38">
      <t>オヨ</t>
    </rPh>
    <rPh sb="39" eb="40">
      <t>ドウ</t>
    </rPh>
    <rPh sb="44" eb="45">
      <t>トウ</t>
    </rPh>
    <rPh sb="56" eb="58">
      <t>イコウ</t>
    </rPh>
    <rPh sb="66" eb="68">
      <t>ヘイセイ</t>
    </rPh>
    <rPh sb="70" eb="71">
      <t>ネン</t>
    </rPh>
    <rPh sb="71" eb="72">
      <t>ド</t>
    </rPh>
    <rPh sb="74" eb="76">
      <t>ジュウライ</t>
    </rPh>
    <rPh sb="77" eb="80">
      <t>ケイジバン</t>
    </rPh>
    <rPh sb="80" eb="82">
      <t>ケイシキ</t>
    </rPh>
    <rPh sb="85" eb="88">
      <t>フヨウヒン</t>
    </rPh>
    <rPh sb="88" eb="90">
      <t>トウロク</t>
    </rPh>
    <rPh sb="91" eb="93">
      <t>コウカン</t>
    </rPh>
    <rPh sb="93" eb="95">
      <t>セイド</t>
    </rPh>
    <rPh sb="96" eb="98">
      <t>ハイシ</t>
    </rPh>
    <phoneticPr fontId="6"/>
  </si>
  <si>
    <t>表Ⅲ－１２   市町村による有価物回収状況一覧表（１）</t>
    <rPh sb="0" eb="1">
      <t>ヒョウ</t>
    </rPh>
    <rPh sb="8" eb="11">
      <t>シチョウソン</t>
    </rPh>
    <rPh sb="14" eb="16">
      <t>ユウカ</t>
    </rPh>
    <rPh sb="16" eb="17">
      <t>ブツ</t>
    </rPh>
    <rPh sb="17" eb="19">
      <t>カイシュウ</t>
    </rPh>
    <rPh sb="19" eb="21">
      <t>ジョウキョウ</t>
    </rPh>
    <rPh sb="21" eb="24">
      <t>イチランヒョウ</t>
    </rPh>
    <phoneticPr fontId="6"/>
  </si>
  <si>
    <t>資            源            化            量         （単位：ｔ／年)</t>
    <rPh sb="0" eb="27">
      <t>シゲンカ</t>
    </rPh>
    <rPh sb="39" eb="40">
      <t>リョウ</t>
    </rPh>
    <rPh sb="50" eb="52">
      <t>タンイ</t>
    </rPh>
    <rPh sb="55" eb="56">
      <t>ネン</t>
    </rPh>
    <phoneticPr fontId="6"/>
  </si>
  <si>
    <t>鉄屑</t>
    <rPh sb="0" eb="2">
      <t>テツクズ</t>
    </rPh>
    <phoneticPr fontId="6"/>
  </si>
  <si>
    <t>非鉄金属</t>
    <rPh sb="0" eb="1">
      <t>ヒ</t>
    </rPh>
    <rPh sb="1" eb="2">
      <t>テツ</t>
    </rPh>
    <rPh sb="2" eb="4">
      <t>キンゾク</t>
    </rPh>
    <phoneticPr fontId="6"/>
  </si>
  <si>
    <t>生きびん</t>
    <rPh sb="0" eb="1">
      <t>イ</t>
    </rPh>
    <phoneticPr fontId="6"/>
  </si>
  <si>
    <t>カレット</t>
    <phoneticPr fontId="6"/>
  </si>
  <si>
    <t>紙類</t>
    <rPh sb="0" eb="1">
      <t>カミ</t>
    </rPh>
    <rPh sb="1" eb="2">
      <t>ルイ</t>
    </rPh>
    <phoneticPr fontId="6"/>
  </si>
  <si>
    <t>ﾍﾟｯﾄﾎﾞﾄﾙ</t>
    <phoneticPr fontId="6"/>
  </si>
  <si>
    <t>ﾌﾟﾗｽﾁｯｸ類</t>
    <rPh sb="7" eb="8">
      <t>ルイ</t>
    </rPh>
    <phoneticPr fontId="6"/>
  </si>
  <si>
    <t>肥料</t>
    <rPh sb="0" eb="2">
      <t>ヒリョウ</t>
    </rPh>
    <phoneticPr fontId="6"/>
  </si>
  <si>
    <t>飼料</t>
    <rPh sb="0" eb="2">
      <t>シリョウ</t>
    </rPh>
    <phoneticPr fontId="6"/>
  </si>
  <si>
    <t>固形化
燃料</t>
    <rPh sb="0" eb="3">
      <t>コケイカ</t>
    </rPh>
    <rPh sb="4" eb="6">
      <t>ネンリョウ</t>
    </rPh>
    <phoneticPr fontId="6"/>
  </si>
  <si>
    <t>燃料ガス</t>
    <rPh sb="0" eb="2">
      <t>ネンリョウ</t>
    </rPh>
    <phoneticPr fontId="6"/>
  </si>
  <si>
    <t>焼却残渣資源化</t>
    <rPh sb="0" eb="4">
      <t>ショウキャクザンサ</t>
    </rPh>
    <rPh sb="4" eb="7">
      <t>シゲンカ</t>
    </rPh>
    <phoneticPr fontId="6"/>
  </si>
  <si>
    <t>計　　　　　</t>
    <rPh sb="0" eb="1">
      <t>ケイ</t>
    </rPh>
    <phoneticPr fontId="6"/>
  </si>
  <si>
    <t>BDF</t>
    <phoneticPr fontId="6"/>
  </si>
  <si>
    <t>BDF以外</t>
    <rPh sb="3" eb="5">
      <t>イガイ</t>
    </rPh>
    <phoneticPr fontId="6"/>
  </si>
  <si>
    <t>スラグ</t>
    <phoneticPr fontId="6"/>
  </si>
  <si>
    <t>セメント</t>
    <phoneticPr fontId="6"/>
  </si>
  <si>
    <t>エコセメント</t>
    <phoneticPr fontId="6"/>
  </si>
  <si>
    <t>金属回収</t>
    <rPh sb="0" eb="2">
      <t>キンゾク</t>
    </rPh>
    <rPh sb="2" eb="4">
      <t>カイシュウ</t>
    </rPh>
    <phoneticPr fontId="6"/>
  </si>
  <si>
    <t>山元還元</t>
    <rPh sb="0" eb="2">
      <t>ヤマモト</t>
    </rPh>
    <rPh sb="2" eb="4">
      <t>カンゲン</t>
    </rPh>
    <phoneticPr fontId="6"/>
  </si>
  <si>
    <t>左記以外の
焼却残渣資源化</t>
    <rPh sb="0" eb="2">
      <t>サキ</t>
    </rPh>
    <rPh sb="2" eb="4">
      <t>イガイ</t>
    </rPh>
    <rPh sb="6" eb="8">
      <t>ショウキャク</t>
    </rPh>
    <rPh sb="8" eb="10">
      <t>ザンサ</t>
    </rPh>
    <rPh sb="10" eb="13">
      <t>シゲンカ</t>
    </rPh>
    <phoneticPr fontId="6"/>
  </si>
  <si>
    <t>不燃残渣資源化</t>
    <rPh sb="0" eb="4">
      <t>フネンザンサ</t>
    </rPh>
    <rPh sb="4" eb="6">
      <t>シゲン</t>
    </rPh>
    <rPh sb="6" eb="7">
      <t>カ</t>
    </rPh>
    <phoneticPr fontId="6"/>
  </si>
  <si>
    <t xml:space="preserve"> （注）  １.スラグ…溶融スラグ化　セメント…普通セメント化・普通セメント原料化　エコセメント…エコセメント化</t>
    <rPh sb="2" eb="3">
      <t>チュウ</t>
    </rPh>
    <rPh sb="24" eb="26">
      <t>フツウ</t>
    </rPh>
    <rPh sb="30" eb="31">
      <t>カ</t>
    </rPh>
    <phoneticPr fontId="6"/>
  </si>
  <si>
    <t>【参考】焼却残渣処理県内外内訳表</t>
    <rPh sb="4" eb="6">
      <t>ショウキャク</t>
    </rPh>
    <rPh sb="6" eb="8">
      <t>ザンサ</t>
    </rPh>
    <phoneticPr fontId="6"/>
  </si>
  <si>
    <t xml:space="preserve"> 　　　　２.三浦市の固形化燃料は剪定枝のチップを直接焼却して燃料として使用したもの。</t>
    <rPh sb="7" eb="9">
      <t>ミウラ</t>
    </rPh>
    <rPh sb="9" eb="10">
      <t>シ</t>
    </rPh>
    <rPh sb="11" eb="13">
      <t>コケイ</t>
    </rPh>
    <rPh sb="13" eb="14">
      <t>カ</t>
    </rPh>
    <rPh sb="14" eb="16">
      <t>ネンリョウ</t>
    </rPh>
    <rPh sb="17" eb="19">
      <t>センテイ</t>
    </rPh>
    <rPh sb="19" eb="20">
      <t>エダ</t>
    </rPh>
    <rPh sb="25" eb="27">
      <t>チョクセツ</t>
    </rPh>
    <rPh sb="27" eb="29">
      <t>ショウキャク</t>
    </rPh>
    <rPh sb="31" eb="33">
      <t>ネンリョウ</t>
    </rPh>
    <rPh sb="36" eb="38">
      <t>シヨウ</t>
    </rPh>
    <phoneticPr fontId="5"/>
  </si>
  <si>
    <t>左記以外の
焼却残渣
資源化</t>
    <rPh sb="0" eb="2">
      <t>サキ</t>
    </rPh>
    <rPh sb="2" eb="4">
      <t>イガイ</t>
    </rPh>
    <rPh sb="6" eb="8">
      <t>ショウキャク</t>
    </rPh>
    <rPh sb="8" eb="10">
      <t>ザンサ</t>
    </rPh>
    <rPh sb="11" eb="14">
      <t>シゲンカ</t>
    </rPh>
    <phoneticPr fontId="6"/>
  </si>
  <si>
    <t>不燃残渣
資源化</t>
    <rPh sb="0" eb="2">
      <t>フネン</t>
    </rPh>
    <rPh sb="2" eb="4">
      <t>ザンサ</t>
    </rPh>
    <rPh sb="5" eb="7">
      <t>シゲン</t>
    </rPh>
    <rPh sb="7" eb="8">
      <t>カ</t>
    </rPh>
    <phoneticPr fontId="6"/>
  </si>
  <si>
    <t>県内</t>
    <rPh sb="0" eb="2">
      <t>ケンナイ</t>
    </rPh>
    <phoneticPr fontId="6"/>
  </si>
  <si>
    <t>県外</t>
    <rPh sb="0" eb="2">
      <t>ケンガイ</t>
    </rPh>
    <phoneticPr fontId="6"/>
  </si>
  <si>
    <t>表Ⅲ－１２   市町村による有価物回収状況一覧表（２）</t>
    <rPh sb="0" eb="1">
      <t>ヒョウ</t>
    </rPh>
    <rPh sb="8" eb="11">
      <t>シチョウソン</t>
    </rPh>
    <rPh sb="14" eb="16">
      <t>ユウカ</t>
    </rPh>
    <rPh sb="16" eb="17">
      <t>ブツ</t>
    </rPh>
    <rPh sb="17" eb="19">
      <t>カイシュウ</t>
    </rPh>
    <rPh sb="19" eb="21">
      <t>ジョウキョウ</t>
    </rPh>
    <rPh sb="21" eb="24">
      <t>イチランヒョウ</t>
    </rPh>
    <phoneticPr fontId="6"/>
  </si>
  <si>
    <t>売                    上                    高                    （単位：千円／年）</t>
    <rPh sb="0" eb="43">
      <t>ウリアゲダカ</t>
    </rPh>
    <rPh sb="64" eb="66">
      <t>タンイ</t>
    </rPh>
    <rPh sb="67" eb="69">
      <t>センエン</t>
    </rPh>
    <rPh sb="70" eb="71">
      <t>ネン</t>
    </rPh>
    <phoneticPr fontId="6"/>
  </si>
  <si>
    <t>ﾌﾟﾗｽﾁｯｸ類</t>
    <phoneticPr fontId="6"/>
  </si>
  <si>
    <t xml:space="preserve"> (注)  売上高には、資源化処理に係る委託費用は含まれない。</t>
    <rPh sb="2" eb="3">
      <t>チュウ</t>
    </rPh>
    <phoneticPr fontId="6"/>
  </si>
  <si>
    <t>表Ⅲ－１３   ごみ焼却処理施設（ボイラー設置施設）における余熱利用状況一覧表</t>
    <rPh sb="0" eb="1">
      <t>ヒョウ</t>
    </rPh>
    <rPh sb="10" eb="12">
      <t>ショウキャク</t>
    </rPh>
    <rPh sb="12" eb="14">
      <t>ショリ</t>
    </rPh>
    <rPh sb="14" eb="16">
      <t>シセツ</t>
    </rPh>
    <rPh sb="21" eb="23">
      <t>セッチ</t>
    </rPh>
    <rPh sb="23" eb="25">
      <t>シセツ</t>
    </rPh>
    <rPh sb="30" eb="32">
      <t>ヨネツ</t>
    </rPh>
    <rPh sb="32" eb="34">
      <t>サイリヨウ</t>
    </rPh>
    <rPh sb="34" eb="36">
      <t>ジョウキョウ</t>
    </rPh>
    <rPh sb="36" eb="39">
      <t>イチランヒョウ</t>
    </rPh>
    <phoneticPr fontId="6"/>
  </si>
  <si>
    <t>市町村･
組合名</t>
    <rPh sb="0" eb="1">
      <t>シ</t>
    </rPh>
    <rPh sb="5" eb="7">
      <t>クミアイ</t>
    </rPh>
    <phoneticPr fontId="6"/>
  </si>
  <si>
    <t>利  用  状  況</t>
  </si>
  <si>
    <t>場 外 利 用</t>
    <rPh sb="0" eb="3">
      <t>ジョウガイ</t>
    </rPh>
    <rPh sb="4" eb="7">
      <t>リヨウ</t>
    </rPh>
    <phoneticPr fontId="6"/>
  </si>
  <si>
    <t>給湯</t>
  </si>
  <si>
    <t>蒸気</t>
  </si>
  <si>
    <t>発電</t>
  </si>
  <si>
    <t>形         態</t>
    <rPh sb="0" eb="11">
      <t>ケイタイ</t>
    </rPh>
    <phoneticPr fontId="6"/>
  </si>
  <si>
    <t xml:space="preserve">余 熱 利 用 量（※２）
</t>
    <phoneticPr fontId="6"/>
  </si>
  <si>
    <t>発 電 機</t>
    <rPh sb="0" eb="1">
      <t>ハツ</t>
    </rPh>
    <rPh sb="2" eb="3">
      <t>デン</t>
    </rPh>
    <rPh sb="4" eb="5">
      <t>キ</t>
    </rPh>
    <phoneticPr fontId="6"/>
  </si>
  <si>
    <t>年　　間
発電量</t>
    <rPh sb="0" eb="1">
      <t>トシ</t>
    </rPh>
    <rPh sb="3" eb="4">
      <t>カン</t>
    </rPh>
    <rPh sb="5" eb="8">
      <t>ハツデンリョウ</t>
    </rPh>
    <phoneticPr fontId="6"/>
  </si>
  <si>
    <t>年　　間
売電量</t>
    <rPh sb="0" eb="1">
      <t>トシ</t>
    </rPh>
    <rPh sb="3" eb="4">
      <t>カン</t>
    </rPh>
    <rPh sb="5" eb="6">
      <t>バイ</t>
    </rPh>
    <rPh sb="6" eb="8">
      <t>ハツデンリョウ</t>
    </rPh>
    <phoneticPr fontId="6"/>
  </si>
  <si>
    <t>ＦＩＴ
認定</t>
    <rPh sb="4" eb="6">
      <t>ニンテイ</t>
    </rPh>
    <phoneticPr fontId="6"/>
  </si>
  <si>
    <t>施    設    名（※１）</t>
    <phoneticPr fontId="6"/>
  </si>
  <si>
    <t>場</t>
    <rPh sb="0" eb="1">
      <t>ジョウナイ</t>
    </rPh>
    <phoneticPr fontId="6"/>
  </si>
  <si>
    <t>場</t>
  </si>
  <si>
    <t>売</t>
    <rPh sb="0" eb="1">
      <t>ウ</t>
    </rPh>
    <phoneticPr fontId="6"/>
  </si>
  <si>
    <t>温水プール</t>
    <rPh sb="0" eb="1">
      <t>オン</t>
    </rPh>
    <rPh sb="1" eb="2">
      <t>ミズ</t>
    </rPh>
    <phoneticPr fontId="6"/>
  </si>
  <si>
    <t>公 共 施 設</t>
    <rPh sb="0" eb="7">
      <t>コウキョウシセツ</t>
    </rPh>
    <phoneticPr fontId="6"/>
  </si>
  <si>
    <t>温室</t>
    <rPh sb="0" eb="1">
      <t>オンシツ</t>
    </rPh>
    <rPh sb="1" eb="2">
      <t>シツ</t>
    </rPh>
    <phoneticPr fontId="6"/>
  </si>
  <si>
    <t>その他</t>
    <rPh sb="2" eb="3">
      <t>ホカ</t>
    </rPh>
    <phoneticPr fontId="6"/>
  </si>
  <si>
    <t>定格出力</t>
    <rPh sb="0" eb="1">
      <t>テイ</t>
    </rPh>
    <rPh sb="1" eb="2">
      <t>カク</t>
    </rPh>
    <rPh sb="2" eb="4">
      <t>シュツリョク</t>
    </rPh>
    <phoneticPr fontId="6"/>
  </si>
  <si>
    <t>（ Ｇ Ｊ ）</t>
    <phoneticPr fontId="6"/>
  </si>
  <si>
    <t>（ ｋ Ｗ ）</t>
    <phoneticPr fontId="6"/>
  </si>
  <si>
    <t>（ ＭＷｈ ）</t>
    <phoneticPr fontId="6"/>
  </si>
  <si>
    <t>内</t>
    <rPh sb="0" eb="1">
      <t>ナイ</t>
    </rPh>
    <phoneticPr fontId="6"/>
  </si>
  <si>
    <t>外</t>
    <rPh sb="0" eb="1">
      <t>ガイ</t>
    </rPh>
    <phoneticPr fontId="6"/>
  </si>
  <si>
    <t>内</t>
  </si>
  <si>
    <t>外</t>
  </si>
  <si>
    <t>電</t>
    <rPh sb="0" eb="1">
      <t>デン</t>
    </rPh>
    <phoneticPr fontId="6"/>
  </si>
  <si>
    <t xml:space="preserve">横浜市 </t>
    <phoneticPr fontId="3"/>
  </si>
  <si>
    <t>都筑工場</t>
    <rPh sb="0" eb="1">
      <t>ト</t>
    </rPh>
    <rPh sb="1" eb="2">
      <t>チク</t>
    </rPh>
    <rPh sb="2" eb="4">
      <t>コウジョウ</t>
    </rPh>
    <phoneticPr fontId="6"/>
  </si>
  <si>
    <t>鶴見工場</t>
    <rPh sb="0" eb="2">
      <t>ツルミ</t>
    </rPh>
    <rPh sb="2" eb="4">
      <t>コウジョウ</t>
    </rPh>
    <phoneticPr fontId="6"/>
  </si>
  <si>
    <t>旭工場</t>
    <rPh sb="0" eb="1">
      <t>アサヒ</t>
    </rPh>
    <rPh sb="1" eb="3">
      <t>コウジョウ</t>
    </rPh>
    <phoneticPr fontId="6"/>
  </si>
  <si>
    <t>金沢工場</t>
    <rPh sb="0" eb="2">
      <t>カナザワ</t>
    </rPh>
    <rPh sb="2" eb="4">
      <t>コウジョウ</t>
    </rPh>
    <phoneticPr fontId="6"/>
  </si>
  <si>
    <t>小       計</t>
    <rPh sb="0" eb="9">
      <t>ショウケイ</t>
    </rPh>
    <phoneticPr fontId="6"/>
  </si>
  <si>
    <t>○</t>
    <phoneticPr fontId="3"/>
  </si>
  <si>
    <t>川崎市</t>
    <rPh sb="0" eb="3">
      <t>カワサキシ</t>
    </rPh>
    <phoneticPr fontId="3"/>
  </si>
  <si>
    <t>王禅寺処理センター</t>
    <rPh sb="0" eb="3">
      <t>オウゼンジ</t>
    </rPh>
    <rPh sb="3" eb="5">
      <t>ショリ</t>
    </rPh>
    <phoneticPr fontId="6"/>
  </si>
  <si>
    <t>浮島処理センター</t>
    <rPh sb="0" eb="2">
      <t>ウキシマ</t>
    </rPh>
    <rPh sb="2" eb="4">
      <t>ショリ</t>
    </rPh>
    <phoneticPr fontId="6"/>
  </si>
  <si>
    <t>横須賀ごみ処理施設</t>
  </si>
  <si>
    <t>橘処理センター</t>
    <phoneticPr fontId="3"/>
  </si>
  <si>
    <t>小       計</t>
  </si>
  <si>
    <t>相模原市</t>
    <rPh sb="0" eb="1">
      <t>ソウ</t>
    </rPh>
    <rPh sb="1" eb="2">
      <t>ボ</t>
    </rPh>
    <rPh sb="2" eb="3">
      <t>ハラ</t>
    </rPh>
    <rPh sb="3" eb="4">
      <t>シ</t>
    </rPh>
    <phoneticPr fontId="6"/>
  </si>
  <si>
    <t>南清掃工場</t>
    <rPh sb="0" eb="1">
      <t>ミナミ</t>
    </rPh>
    <rPh sb="1" eb="3">
      <t>セイソウ</t>
    </rPh>
    <rPh sb="3" eb="5">
      <t>コウジョウ</t>
    </rPh>
    <phoneticPr fontId="6"/>
  </si>
  <si>
    <t>北清掃工場</t>
    <rPh sb="0" eb="1">
      <t>キタ</t>
    </rPh>
    <rPh sb="1" eb="3">
      <t>セイソウ</t>
    </rPh>
    <rPh sb="3" eb="5">
      <t>コウジョウ</t>
    </rPh>
    <phoneticPr fontId="6"/>
  </si>
  <si>
    <t>横須賀市</t>
    <rPh sb="0" eb="3">
      <t>ヨコスカ</t>
    </rPh>
    <rPh sb="3" eb="4">
      <t>シ</t>
    </rPh>
    <phoneticPr fontId="3"/>
  </si>
  <si>
    <t>平塚市</t>
    <rPh sb="0" eb="2">
      <t>ヒラツカ</t>
    </rPh>
    <rPh sb="2" eb="3">
      <t>シ</t>
    </rPh>
    <phoneticPr fontId="6"/>
  </si>
  <si>
    <t>環境事業センター</t>
    <rPh sb="0" eb="2">
      <t>カンキョウ</t>
    </rPh>
    <rPh sb="2" eb="4">
      <t>ジギョウ</t>
    </rPh>
    <phoneticPr fontId="6"/>
  </si>
  <si>
    <t>藤 沢 市</t>
    <rPh sb="0" eb="1">
      <t>フジ</t>
    </rPh>
    <rPh sb="2" eb="3">
      <t>サワ</t>
    </rPh>
    <rPh sb="4" eb="5">
      <t>シ</t>
    </rPh>
    <phoneticPr fontId="6"/>
  </si>
  <si>
    <t>石名坂環境事業所</t>
    <rPh sb="0" eb="1">
      <t>イシ</t>
    </rPh>
    <rPh sb="1" eb="2">
      <t>ナ</t>
    </rPh>
    <rPh sb="2" eb="3">
      <t>サカ</t>
    </rPh>
    <rPh sb="3" eb="5">
      <t>カンキョウ</t>
    </rPh>
    <rPh sb="5" eb="8">
      <t>ジギョウショ</t>
    </rPh>
    <phoneticPr fontId="6"/>
  </si>
  <si>
    <t>北部環境事業所</t>
    <rPh sb="0" eb="2">
      <t>ホクブ</t>
    </rPh>
    <rPh sb="2" eb="4">
      <t>カンキョウ</t>
    </rPh>
    <rPh sb="4" eb="7">
      <t>ジギョウショ</t>
    </rPh>
    <phoneticPr fontId="6"/>
  </si>
  <si>
    <t>小　　　計</t>
    <rPh sb="0" eb="1">
      <t>ショウ</t>
    </rPh>
    <rPh sb="4" eb="5">
      <t>ケイ</t>
    </rPh>
    <phoneticPr fontId="6"/>
  </si>
  <si>
    <t>茅ヶ崎市</t>
    <rPh sb="0" eb="3">
      <t>チガサキ</t>
    </rPh>
    <rPh sb="3" eb="4">
      <t>シ</t>
    </rPh>
    <phoneticPr fontId="6"/>
  </si>
  <si>
    <t>清掃事業所</t>
    <rPh sb="0" eb="2">
      <t>セイソウ</t>
    </rPh>
    <rPh sb="2" eb="5">
      <t>ジギョウショ</t>
    </rPh>
    <phoneticPr fontId="6"/>
  </si>
  <si>
    <t>厚木市</t>
    <rPh sb="0" eb="2">
      <t>アツギ</t>
    </rPh>
    <rPh sb="2" eb="3">
      <t>シ</t>
    </rPh>
    <phoneticPr fontId="6"/>
  </si>
  <si>
    <t>環境センター</t>
    <rPh sb="0" eb="2">
      <t>カンキョウ</t>
    </rPh>
    <phoneticPr fontId="6"/>
  </si>
  <si>
    <t>大和市</t>
    <rPh sb="0" eb="2">
      <t>ヤマト</t>
    </rPh>
    <rPh sb="2" eb="3">
      <t>シ</t>
    </rPh>
    <phoneticPr fontId="6"/>
  </si>
  <si>
    <t>環境管理センター</t>
    <rPh sb="0" eb="2">
      <t>カンキョウ</t>
    </rPh>
    <rPh sb="2" eb="4">
      <t>カンリ</t>
    </rPh>
    <phoneticPr fontId="6"/>
  </si>
  <si>
    <t>秦野市
伊勢原市
衛生組合</t>
    <rPh sb="0" eb="3">
      <t>ハダノシ</t>
    </rPh>
    <rPh sb="4" eb="8">
      <t>イセハラシ</t>
    </rPh>
    <rPh sb="9" eb="11">
      <t>エイセイ</t>
    </rPh>
    <rPh sb="11" eb="13">
      <t>クミアイ</t>
    </rPh>
    <phoneticPr fontId="6"/>
  </si>
  <si>
    <t>はだのクリーン
センター</t>
    <phoneticPr fontId="6"/>
  </si>
  <si>
    <t>高座清掃施設組合</t>
    <phoneticPr fontId="3"/>
  </si>
  <si>
    <t>高座クリーンセンター
じん芥処理施設</t>
    <phoneticPr fontId="3"/>
  </si>
  <si>
    <t>合 計</t>
    <rPh sb="0" eb="1">
      <t>ゴウ</t>
    </rPh>
    <rPh sb="2" eb="3">
      <t>ケイ</t>
    </rPh>
    <phoneticPr fontId="6"/>
  </si>
  <si>
    <t>（※１）  ボイラーを設置している施設のみ掲載</t>
    <phoneticPr fontId="3"/>
  </si>
  <si>
    <t>（※２）  発電利用量は含まない</t>
    <phoneticPr fontId="3"/>
  </si>
  <si>
    <t>(注)　本章における各数値は、収集実績であり、Ⅴ章の処理量（処理量ベース）と整合しない場合がある。</t>
    <rPh sb="1" eb="2">
      <t>チュウ</t>
    </rPh>
    <rPh sb="4" eb="6">
      <t>ホンショウ</t>
    </rPh>
    <rPh sb="10" eb="13">
      <t>カクスウチ</t>
    </rPh>
    <rPh sb="15" eb="17">
      <t>シュウシュウ</t>
    </rPh>
    <rPh sb="17" eb="19">
      <t>ジッセキ</t>
    </rPh>
    <rPh sb="24" eb="25">
      <t>ショウ</t>
    </rPh>
    <rPh sb="26" eb="28">
      <t>ショリ</t>
    </rPh>
    <rPh sb="28" eb="29">
      <t>リョウ</t>
    </rPh>
    <rPh sb="30" eb="32">
      <t>ショリ</t>
    </rPh>
    <rPh sb="32" eb="33">
      <t>リョウ</t>
    </rPh>
    <rPh sb="38" eb="40">
      <t>セイゴウ</t>
    </rPh>
    <rPh sb="43" eb="45">
      <t>バアイ</t>
    </rPh>
    <phoneticPr fontId="6"/>
  </si>
  <si>
    <t>（参考１）   排出者別のごみ排出量</t>
    <rPh sb="1" eb="3">
      <t>サンコウ</t>
    </rPh>
    <rPh sb="8" eb="11">
      <t>ハイシュツシャ</t>
    </rPh>
    <rPh sb="11" eb="12">
      <t>ベツ</t>
    </rPh>
    <rPh sb="15" eb="17">
      <t>ハイシュツ</t>
    </rPh>
    <rPh sb="17" eb="18">
      <t>リョウ</t>
    </rPh>
    <phoneticPr fontId="6"/>
  </si>
  <si>
    <t>⑧</t>
    <phoneticPr fontId="3"/>
  </si>
  <si>
    <t>生活系ごみの１人１日当たりの排出量
（g/日・人）</t>
    <rPh sb="10" eb="11">
      <t>ア</t>
    </rPh>
    <phoneticPr fontId="3"/>
  </si>
  <si>
    <t>④</t>
    <phoneticPr fontId="3"/>
  </si>
  <si>
    <t>⑦</t>
    <phoneticPr fontId="3"/>
  </si>
  <si>
    <t>市町村名</t>
    <rPh sb="0" eb="3">
      <t>シチョウソン</t>
    </rPh>
    <rPh sb="3" eb="4">
      <t>メイ</t>
    </rPh>
    <phoneticPr fontId="3"/>
  </si>
  <si>
    <t>生活系ごみ</t>
    <phoneticPr fontId="3"/>
  </si>
  <si>
    <t>事業系ごみ</t>
    <rPh sb="0" eb="2">
      <t>ジギョウ</t>
    </rPh>
    <rPh sb="2" eb="3">
      <t>ケイ</t>
    </rPh>
    <phoneticPr fontId="3"/>
  </si>
  <si>
    <t>①</t>
    <phoneticPr fontId="3"/>
  </si>
  <si>
    <t>②</t>
    <phoneticPr fontId="3"/>
  </si>
  <si>
    <t>③</t>
    <phoneticPr fontId="3"/>
  </si>
  <si>
    <t>小計</t>
  </si>
  <si>
    <t>⑤</t>
    <phoneticPr fontId="3"/>
  </si>
  <si>
    <t>⑥</t>
    <phoneticPr fontId="3"/>
  </si>
  <si>
    <t>小計</t>
    <phoneticPr fontId="3"/>
  </si>
  <si>
    <t>＝④＋⑦</t>
    <phoneticPr fontId="3"/>
  </si>
  <si>
    <t>集団回収量</t>
    <rPh sb="0" eb="2">
      <t>シュウダン</t>
    </rPh>
    <rPh sb="2" eb="4">
      <t>カイシュウ</t>
    </rPh>
    <rPh sb="4" eb="5">
      <t>リョウ</t>
    </rPh>
    <phoneticPr fontId="3"/>
  </si>
  <si>
    <t>＝①～③</t>
    <phoneticPr fontId="3"/>
  </si>
  <si>
    <t>＝⑤＋⑥</t>
    <phoneticPr fontId="3"/>
  </si>
  <si>
    <t>（参考２）   家庭系ごみ排出量</t>
    <rPh sb="1" eb="3">
      <t>サンコウ</t>
    </rPh>
    <rPh sb="8" eb="10">
      <t>カテイ</t>
    </rPh>
    <rPh sb="10" eb="11">
      <t>ケイ</t>
    </rPh>
    <rPh sb="13" eb="15">
      <t>ハイシュツ</t>
    </rPh>
    <rPh sb="15" eb="16">
      <t>リョウ</t>
    </rPh>
    <phoneticPr fontId="6"/>
  </si>
  <si>
    <t>家庭系ごみの１人１日当たりの排出量
（g/日・人）</t>
    <rPh sb="0" eb="2">
      <t>カテイ</t>
    </rPh>
    <rPh sb="2" eb="3">
      <t>ケイ</t>
    </rPh>
    <rPh sb="10" eb="11">
      <t>ア</t>
    </rPh>
    <phoneticPr fontId="3"/>
  </si>
  <si>
    <t>家庭系ごみ</t>
    <rPh sb="0" eb="2">
      <t>カテイ</t>
    </rPh>
    <rPh sb="2" eb="3">
      <t>ケイ</t>
    </rPh>
    <phoneticPr fontId="3"/>
  </si>
  <si>
    <t>⑤④のうち</t>
    <phoneticPr fontId="3"/>
  </si>
  <si>
    <t>⑦⑥のうち</t>
    <phoneticPr fontId="3"/>
  </si>
  <si>
    <t>＝②-③-⑤-⑦</t>
    <phoneticPr fontId="3"/>
  </si>
  <si>
    <t>＝③＋④＋⑥</t>
    <phoneticPr fontId="3"/>
  </si>
  <si>
    <t>資源として利用されるもの</t>
    <rPh sb="0" eb="2">
      <t>シゲン</t>
    </rPh>
    <rPh sb="5" eb="7">
      <t>リヨウ</t>
    </rPh>
    <phoneticPr fontId="3"/>
  </si>
  <si>
    <t xml:space="preserve"> (注)  家庭系ごみ＝「生活系ごみ」－「集団回収量」－「資源ごみ」－「直接搬入ごみのうち資源として利用されるもの」</t>
    <rPh sb="2" eb="3">
      <t>チュウ</t>
    </rPh>
    <rPh sb="6" eb="8">
      <t>カテイ</t>
    </rPh>
    <rPh sb="8" eb="9">
      <t>ケイ</t>
    </rPh>
    <rPh sb="13" eb="15">
      <t>セイカツ</t>
    </rPh>
    <rPh sb="15" eb="16">
      <t>ケイ</t>
    </rPh>
    <rPh sb="21" eb="23">
      <t>シュウダン</t>
    </rPh>
    <rPh sb="23" eb="25">
      <t>カイシュウ</t>
    </rPh>
    <rPh sb="25" eb="26">
      <t>リョウ</t>
    </rPh>
    <rPh sb="29" eb="31">
      <t>シゲン</t>
    </rPh>
    <rPh sb="36" eb="38">
      <t>チョクセツ</t>
    </rPh>
    <rPh sb="38" eb="40">
      <t>ハンニュウ</t>
    </rPh>
    <rPh sb="45" eb="47">
      <t>シゲン</t>
    </rPh>
    <rPh sb="50" eb="52">
      <t>リヨウ</t>
    </rPh>
    <phoneticPr fontId="6"/>
  </si>
  <si>
    <t>　　　（「日本の廃棄物処理」環境省環境再生・資源循環局廃棄物適正処理推進課 記載の 「家庭排出ごみ」と同義）</t>
    <rPh sb="5" eb="7">
      <t>ニホン</t>
    </rPh>
    <rPh sb="8" eb="11">
      <t>ハイキブツ</t>
    </rPh>
    <rPh sb="11" eb="13">
      <t>ショリ</t>
    </rPh>
    <rPh sb="14" eb="17">
      <t>カンキョウショウ</t>
    </rPh>
    <rPh sb="17" eb="19">
      <t>カンキョウ</t>
    </rPh>
    <rPh sb="19" eb="21">
      <t>サイセイ</t>
    </rPh>
    <rPh sb="22" eb="24">
      <t>シゲン</t>
    </rPh>
    <rPh sb="24" eb="26">
      <t>ジュンカン</t>
    </rPh>
    <rPh sb="26" eb="27">
      <t>キョク</t>
    </rPh>
    <rPh sb="27" eb="30">
      <t>ハイキブツ</t>
    </rPh>
    <rPh sb="30" eb="32">
      <t>テキセイ</t>
    </rPh>
    <rPh sb="32" eb="34">
      <t>ショリ</t>
    </rPh>
    <rPh sb="34" eb="37">
      <t>スイシンカ</t>
    </rPh>
    <rPh sb="38" eb="40">
      <t>キサイ</t>
    </rPh>
    <rPh sb="43" eb="45">
      <t>カテイ</t>
    </rPh>
    <rPh sb="45" eb="47">
      <t>ハイシュツ</t>
    </rPh>
    <rPh sb="51" eb="53">
      <t>ドウギ</t>
    </rPh>
    <phoneticPr fontId="3"/>
  </si>
  <si>
    <t>（参考３）  生活系可燃ごみ等計画収集量</t>
    <rPh sb="7" eb="9">
      <t>セイカツ</t>
    </rPh>
    <rPh sb="9" eb="10">
      <t>ケイ</t>
    </rPh>
    <rPh sb="10" eb="12">
      <t>カネン</t>
    </rPh>
    <rPh sb="14" eb="15">
      <t>トウ</t>
    </rPh>
    <rPh sb="15" eb="17">
      <t>ケイカク</t>
    </rPh>
    <rPh sb="17" eb="19">
      <t>シュウシュウ</t>
    </rPh>
    <rPh sb="19" eb="20">
      <t>リョウ</t>
    </rPh>
    <phoneticPr fontId="3"/>
  </si>
  <si>
    <t>②　</t>
    <phoneticPr fontId="3"/>
  </si>
  <si>
    <t>⑧生活系可燃
ごみ等収集量</t>
    <phoneticPr fontId="3"/>
  </si>
  <si>
    <t>計画
収集量</t>
    <phoneticPr fontId="3"/>
  </si>
  <si>
    <t>混合ごみ</t>
    <phoneticPr fontId="3"/>
  </si>
  <si>
    <t>③②のうち</t>
    <phoneticPr fontId="6"/>
  </si>
  <si>
    <t>④②のうち</t>
    <phoneticPr fontId="6"/>
  </si>
  <si>
    <t>⑥⑤のうち</t>
    <phoneticPr fontId="6"/>
  </si>
  <si>
    <t>⑦⑤のうち</t>
    <phoneticPr fontId="6"/>
  </si>
  <si>
    <t>生活系</t>
    <rPh sb="0" eb="2">
      <t>セイカツ</t>
    </rPh>
    <rPh sb="2" eb="3">
      <t>ケイ</t>
    </rPh>
    <phoneticPr fontId="6"/>
  </si>
  <si>
    <t>＝③＋⑥</t>
    <phoneticPr fontId="3"/>
  </si>
  <si>
    <t xml:space="preserve">-  </t>
  </si>
  <si>
    <t>18施設</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6" formatCode="&quot;¥&quot;#,##0;[Red]&quot;¥&quot;\-#,##0"/>
    <numFmt numFmtId="41" formatCode="_ * #,##0_ ;_ * \-#,##0_ ;_ * &quot;-&quot;_ ;_ @_ "/>
    <numFmt numFmtId="176" formatCode="#,##0;&quot;△ &quot;#,##0"/>
    <numFmt numFmtId="177" formatCode="#,##0.00;&quot;△ &quot;#,##0.00"/>
    <numFmt numFmtId="178" formatCode="#,##0_);[Red]\(#,##0\)"/>
    <numFmt numFmtId="179" formatCode="#,##0_ "/>
    <numFmt numFmtId="180" formatCode="0.0_);[Red]\(0.0\)"/>
    <numFmt numFmtId="181" formatCode="#,##0.0;&quot;△ &quot;#,##0.0"/>
    <numFmt numFmtId="182" formatCode="0.0%"/>
    <numFmt numFmtId="183" formatCode="#,##0.0;[Red]\-#,##0.0"/>
    <numFmt numFmtId="184" formatCode="#,##0.0_);[Red]\(#,##0.0\)"/>
    <numFmt numFmtId="185" formatCode="0.0_ "/>
    <numFmt numFmtId="186" formatCode="&quot;(&quot;##&quot;基)&quot;"/>
  </numFmts>
  <fonts count="39" x14ac:knownFonts="1">
    <font>
      <sz val="12"/>
      <color theme="1"/>
      <name val="ＭＳ 明朝"/>
      <family val="2"/>
      <charset val="128"/>
    </font>
    <font>
      <sz val="11"/>
      <name val="ＭＳ Ｐゴシック"/>
      <family val="3"/>
      <charset val="128"/>
    </font>
    <font>
      <sz val="11"/>
      <name val="ＭＳ Ｐ明朝"/>
      <family val="1"/>
      <charset val="128"/>
    </font>
    <font>
      <sz val="6"/>
      <name val="ＭＳ 明朝"/>
      <family val="2"/>
      <charset val="128"/>
    </font>
    <font>
      <sz val="9"/>
      <name val="ＭＳ Ｐ明朝"/>
      <family val="1"/>
      <charset val="128"/>
    </font>
    <font>
      <sz val="10"/>
      <name val="ＭＳ Ｐ明朝"/>
      <family val="1"/>
      <charset val="128"/>
    </font>
    <font>
      <sz val="6"/>
      <name val="ＭＳ Ｐゴシック"/>
      <family val="3"/>
      <charset val="128"/>
    </font>
    <font>
      <sz val="9"/>
      <name val="ＭＳ Ｐゴシック"/>
      <family val="3"/>
      <charset val="128"/>
    </font>
    <font>
      <sz val="8"/>
      <name val="ＭＳ Ｐ明朝"/>
      <family val="1"/>
      <charset val="128"/>
    </font>
    <font>
      <sz val="11"/>
      <name val="ＭＳ 明朝"/>
      <family val="1"/>
      <charset val="128"/>
    </font>
    <font>
      <sz val="11"/>
      <color indexed="10"/>
      <name val="ＭＳ Ｐ明朝"/>
      <family val="1"/>
      <charset val="128"/>
    </font>
    <font>
      <b/>
      <sz val="14"/>
      <name val="ＭＳ Ｐ明朝"/>
      <family val="1"/>
      <charset val="128"/>
    </font>
    <font>
      <b/>
      <sz val="12"/>
      <name val="ＭＳ Ｐ明朝"/>
      <family val="1"/>
      <charset val="128"/>
    </font>
    <font>
      <sz val="16"/>
      <name val="ＭＳ Ｐ明朝"/>
      <family val="1"/>
      <charset val="128"/>
    </font>
    <font>
      <sz val="14"/>
      <name val="ＭＳ Ｐ明朝"/>
      <family val="1"/>
      <charset val="128"/>
    </font>
    <font>
      <sz val="12"/>
      <name val="ＭＳ 明朝"/>
      <family val="1"/>
      <charset val="128"/>
    </font>
    <font>
      <sz val="12"/>
      <name val="ＭＳ Ｐゴシック"/>
      <family val="3"/>
      <charset val="128"/>
    </font>
    <font>
      <vertAlign val="superscript"/>
      <sz val="10"/>
      <name val="ＭＳ Ｐ明朝"/>
      <family val="1"/>
      <charset val="128"/>
    </font>
    <font>
      <b/>
      <sz val="9"/>
      <name val="ＭＳ Ｐ明朝"/>
      <family val="1"/>
      <charset val="128"/>
    </font>
    <font>
      <b/>
      <sz val="11"/>
      <color rgb="FFFF0000"/>
      <name val="HGS創英角ﾎﾟｯﾌﾟ体"/>
      <family val="3"/>
      <charset val="128"/>
    </font>
    <font>
      <sz val="12"/>
      <color rgb="FFFF0000"/>
      <name val="ＭＳ 明朝"/>
      <family val="2"/>
      <charset val="128"/>
    </font>
    <font>
      <sz val="6"/>
      <name val="ＭＳ Ｐ明朝"/>
      <family val="1"/>
      <charset val="128"/>
    </font>
    <font>
      <b/>
      <sz val="18"/>
      <name val="ＭＳ 明朝"/>
      <family val="1"/>
      <charset val="128"/>
    </font>
    <font>
      <sz val="7"/>
      <name val="ＭＳ Ｐ明朝"/>
      <family val="1"/>
      <charset val="128"/>
    </font>
    <font>
      <sz val="10"/>
      <color rgb="FFFF0000"/>
      <name val="ＭＳ Ｐ明朝"/>
      <family val="1"/>
      <charset val="128"/>
    </font>
    <font>
      <sz val="12"/>
      <name val="ＭＳ 明朝"/>
      <family val="2"/>
      <charset val="128"/>
    </font>
    <font>
      <sz val="8"/>
      <name val="ＭＳ Ｐゴシック"/>
      <family val="3"/>
      <charset val="128"/>
    </font>
    <font>
      <sz val="9"/>
      <color theme="1"/>
      <name val="ＭＳ Ｐ明朝"/>
      <family val="1"/>
      <charset val="128"/>
    </font>
    <font>
      <sz val="10"/>
      <color theme="1"/>
      <name val="ＭＳ Ｐ明朝"/>
      <family val="1"/>
      <charset val="128"/>
    </font>
    <font>
      <sz val="8"/>
      <color theme="1"/>
      <name val="ＭＳ Ｐ明朝"/>
      <family val="1"/>
      <charset val="128"/>
    </font>
    <font>
      <sz val="11"/>
      <color theme="1"/>
      <name val="ＭＳ Ｐゴシック"/>
      <family val="3"/>
      <charset val="128"/>
    </font>
    <font>
      <sz val="10"/>
      <color theme="1"/>
      <name val="ＭＳ Ｐゴシック"/>
      <family val="3"/>
      <charset val="128"/>
    </font>
    <font>
      <sz val="9"/>
      <color theme="1"/>
      <name val="ＭＳ Ｐゴシック"/>
      <family val="3"/>
      <charset val="128"/>
    </font>
    <font>
      <sz val="12"/>
      <color theme="1"/>
      <name val="ＭＳ Ｐ明朝"/>
      <family val="1"/>
      <charset val="128"/>
    </font>
    <font>
      <sz val="10"/>
      <color theme="1"/>
      <name val="ＭＳ 明朝"/>
      <family val="2"/>
      <charset val="128"/>
    </font>
    <font>
      <sz val="10"/>
      <color theme="1"/>
      <name val="ＭＳ 明朝"/>
      <family val="1"/>
      <charset val="128"/>
    </font>
    <font>
      <sz val="10"/>
      <color theme="1"/>
      <name val="Century"/>
      <family val="1"/>
    </font>
    <font>
      <sz val="12"/>
      <color theme="1"/>
      <name val="Century"/>
      <family val="1"/>
    </font>
    <font>
      <sz val="11"/>
      <name val="ＭＳ Ｐゴシック"/>
      <family val="3"/>
      <charset val="128"/>
      <scheme val="minor"/>
    </font>
  </fonts>
  <fills count="4">
    <fill>
      <patternFill patternType="none"/>
    </fill>
    <fill>
      <patternFill patternType="gray125"/>
    </fill>
    <fill>
      <patternFill patternType="solid">
        <fgColor indexed="9"/>
        <bgColor indexed="64"/>
      </patternFill>
    </fill>
    <fill>
      <patternFill patternType="solid">
        <fgColor theme="0"/>
        <bgColor indexed="64"/>
      </patternFill>
    </fill>
  </fills>
  <borders count="83">
    <border>
      <left/>
      <right/>
      <top/>
      <bottom/>
      <diagonal/>
    </border>
    <border>
      <left style="thin">
        <color indexed="64"/>
      </left>
      <right style="medium">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style="medium">
        <color indexed="64"/>
      </top>
      <bottom/>
      <diagonal/>
    </border>
    <border>
      <left style="thin">
        <color indexed="64"/>
      </left>
      <right style="thin">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diagonal/>
    </border>
    <border>
      <left style="medium">
        <color indexed="64"/>
      </left>
      <right style="medium">
        <color indexed="64"/>
      </right>
      <top/>
      <bottom/>
      <diagonal/>
    </border>
    <border>
      <left style="thin">
        <color indexed="64"/>
      </left>
      <right style="medium">
        <color indexed="64"/>
      </right>
      <top style="thin">
        <color indexed="64"/>
      </top>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style="medium">
        <color indexed="64"/>
      </left>
      <right style="medium">
        <color indexed="64"/>
      </right>
      <top style="thin">
        <color indexed="64"/>
      </top>
      <bottom/>
      <diagonal/>
    </border>
    <border>
      <left style="medium">
        <color indexed="64"/>
      </left>
      <right style="thin">
        <color indexed="64"/>
      </right>
      <top style="thin">
        <color indexed="64"/>
      </top>
      <bottom/>
      <diagonal/>
    </border>
    <border>
      <left/>
      <right/>
      <top style="thin">
        <color indexed="64"/>
      </top>
      <bottom style="thin">
        <color indexed="64"/>
      </bottom>
      <diagonal/>
    </border>
    <border>
      <left style="thin">
        <color indexed="64"/>
      </left>
      <right style="medium">
        <color indexed="64"/>
      </right>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medium">
        <color indexed="64"/>
      </left>
      <right/>
      <top/>
      <bottom/>
      <diagonal/>
    </border>
    <border>
      <left style="thin">
        <color indexed="64"/>
      </left>
      <right style="medium">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medium">
        <color indexed="64"/>
      </right>
      <top/>
      <bottom style="thin">
        <color indexed="64"/>
      </bottom>
      <diagonal/>
    </border>
    <border>
      <left style="thin">
        <color indexed="64"/>
      </left>
      <right style="thin">
        <color indexed="64"/>
      </right>
      <top/>
      <bottom style="thin">
        <color indexed="64"/>
      </bottom>
      <diagonal/>
    </border>
    <border>
      <left style="medium">
        <color indexed="64"/>
      </left>
      <right/>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bottom style="thin">
        <color indexed="64"/>
      </bottom>
      <diagonal/>
    </border>
    <border>
      <left style="medium">
        <color indexed="64"/>
      </left>
      <right style="thin">
        <color indexed="64"/>
      </right>
      <top/>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top style="thin">
        <color indexed="64"/>
      </top>
      <bottom/>
      <diagonal/>
    </border>
    <border>
      <left/>
      <right style="medium">
        <color indexed="64"/>
      </right>
      <top/>
      <bottom style="medium">
        <color indexed="64"/>
      </bottom>
      <diagonal/>
    </border>
    <border>
      <left/>
      <right style="medium">
        <color indexed="64"/>
      </right>
      <top/>
      <bottom/>
      <diagonal/>
    </border>
    <border>
      <left/>
      <right/>
      <top style="thin">
        <color indexed="64"/>
      </top>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right/>
      <top style="medium">
        <color indexed="64"/>
      </top>
      <bottom style="thin">
        <color indexed="64"/>
      </bottom>
      <diagonal/>
    </border>
    <border>
      <left/>
      <right/>
      <top/>
      <bottom style="medium">
        <color indexed="64"/>
      </bottom>
      <diagonal/>
    </border>
    <border>
      <left style="thin">
        <color indexed="64"/>
      </left>
      <right/>
      <top/>
      <bottom style="medium">
        <color indexed="64"/>
      </bottom>
      <diagonal/>
    </border>
    <border>
      <left style="medium">
        <color indexed="64"/>
      </left>
      <right/>
      <top/>
      <bottom style="medium">
        <color indexed="64"/>
      </bottom>
      <diagonal/>
    </border>
    <border>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style="thin">
        <color indexed="64"/>
      </top>
      <bottom/>
      <diagonal/>
    </border>
    <border>
      <left style="medium">
        <color indexed="64"/>
      </left>
      <right/>
      <top style="medium">
        <color indexed="64"/>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bottom style="thin">
        <color indexed="64"/>
      </bottom>
      <diagonal/>
    </border>
    <border>
      <left/>
      <right style="medium">
        <color indexed="64"/>
      </right>
      <top style="medium">
        <color indexed="64"/>
      </top>
      <bottom style="medium">
        <color indexed="64"/>
      </bottom>
      <diagonal/>
    </border>
    <border>
      <left/>
      <right style="medium">
        <color indexed="64"/>
      </right>
      <top style="medium">
        <color indexed="64"/>
      </top>
      <bottom style="thin">
        <color indexed="64"/>
      </bottom>
      <diagonal/>
    </border>
    <border>
      <left/>
      <right style="medium">
        <color indexed="64"/>
      </right>
      <top/>
      <bottom style="thin">
        <color indexed="64"/>
      </bottom>
      <diagonal/>
    </border>
    <border>
      <left/>
      <right style="medium">
        <color indexed="64"/>
      </right>
      <top style="thin">
        <color indexed="64"/>
      </top>
      <bottom style="medium">
        <color indexed="64"/>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diagonalUp="1">
      <left style="medium">
        <color indexed="64"/>
      </left>
      <right style="thin">
        <color indexed="64"/>
      </right>
      <top style="thin">
        <color indexed="64"/>
      </top>
      <bottom style="medium">
        <color indexed="64"/>
      </bottom>
      <diagonal style="thin">
        <color indexed="64"/>
      </diagonal>
    </border>
    <border diagonalUp="1">
      <left style="medium">
        <color indexed="64"/>
      </left>
      <right style="thin">
        <color indexed="64"/>
      </right>
      <top style="medium">
        <color indexed="64"/>
      </top>
      <bottom style="thin">
        <color indexed="64"/>
      </bottom>
      <diagonal style="thin">
        <color indexed="64"/>
      </diagonal>
    </border>
  </borders>
  <cellStyleXfs count="14">
    <xf numFmtId="0" fontId="0" fillId="0" borderId="0">
      <alignment vertical="center"/>
    </xf>
    <xf numFmtId="0" fontId="9" fillId="0" borderId="0">
      <alignment vertical="center"/>
    </xf>
    <xf numFmtId="0" fontId="1" fillId="0" borderId="0" applyProtection="0"/>
    <xf numFmtId="6" fontId="7" fillId="0" borderId="0" applyFont="0" applyFill="0" applyBorder="0" applyAlignment="0" applyProtection="0">
      <alignment vertical="center"/>
    </xf>
    <xf numFmtId="0" fontId="1" fillId="0" borderId="0" applyProtection="0"/>
    <xf numFmtId="0" fontId="15" fillId="0" borderId="0">
      <alignment vertical="center"/>
    </xf>
    <xf numFmtId="38" fontId="15" fillId="0" borderId="0" applyFont="0" applyFill="0" applyBorder="0" applyAlignment="0" applyProtection="0">
      <alignment vertical="center"/>
    </xf>
    <xf numFmtId="9" fontId="15" fillId="0" borderId="0" applyFont="0" applyFill="0" applyBorder="0" applyAlignment="0" applyProtection="0">
      <alignment vertical="center"/>
    </xf>
    <xf numFmtId="0" fontId="1" fillId="0" borderId="0"/>
    <xf numFmtId="0" fontId="1" fillId="0" borderId="0">
      <alignment vertical="center"/>
    </xf>
    <xf numFmtId="0" fontId="7" fillId="0" borderId="0">
      <alignment vertical="center"/>
    </xf>
    <xf numFmtId="0" fontId="1" fillId="0" borderId="0" applyProtection="0"/>
    <xf numFmtId="0" fontId="1" fillId="0" borderId="0"/>
    <xf numFmtId="38" fontId="1" fillId="0" borderId="0" applyFont="0" applyFill="0" applyBorder="0" applyAlignment="0" applyProtection="0"/>
  </cellStyleXfs>
  <cellXfs count="2049">
    <xf numFmtId="0" fontId="0" fillId="0" borderId="0" xfId="0">
      <alignment vertical="center"/>
    </xf>
    <xf numFmtId="178" fontId="2" fillId="0" borderId="0" xfId="2" applyNumberFormat="1" applyFont="1" applyAlignment="1">
      <alignment vertical="center"/>
    </xf>
    <xf numFmtId="178" fontId="10" fillId="0" borderId="0" xfId="2" applyNumberFormat="1" applyFont="1" applyAlignment="1">
      <alignment vertical="center"/>
    </xf>
    <xf numFmtId="178" fontId="2" fillId="0" borderId="0" xfId="2" applyNumberFormat="1" applyFont="1" applyAlignment="1">
      <alignment horizontal="center" vertical="center"/>
    </xf>
    <xf numFmtId="178" fontId="2" fillId="0" borderId="0" xfId="2" applyNumberFormat="1" applyFont="1" applyAlignment="1">
      <alignment horizontal="distributed" vertical="center"/>
    </xf>
    <xf numFmtId="178" fontId="2" fillId="0" borderId="0" xfId="2" applyNumberFormat="1" applyFont="1" applyAlignment="1" applyProtection="1">
      <alignment horizontal="distributed" vertical="center"/>
      <protection locked="0"/>
    </xf>
    <xf numFmtId="0" fontId="2" fillId="0" borderId="0" xfId="2" applyNumberFormat="1" applyFont="1" applyAlignment="1">
      <alignment horizontal="left"/>
    </xf>
    <xf numFmtId="0" fontId="2" fillId="0" borderId="0" xfId="2" applyNumberFormat="1" applyFont="1" applyAlignment="1"/>
    <xf numFmtId="0" fontId="10" fillId="0" borderId="0" xfId="2" applyNumberFormat="1" applyFont="1" applyAlignment="1"/>
    <xf numFmtId="178" fontId="2" fillId="0" borderId="4" xfId="2" applyNumberFormat="1" applyFont="1" applyBorder="1" applyAlignment="1">
      <alignment horizontal="right" vertical="center"/>
    </xf>
    <xf numFmtId="178" fontId="2" fillId="0" borderId="59" xfId="2" applyNumberFormat="1" applyFont="1" applyBorder="1" applyAlignment="1">
      <alignment horizontal="right" vertical="center"/>
    </xf>
    <xf numFmtId="178" fontId="2" fillId="0" borderId="29" xfId="2" applyNumberFormat="1" applyFont="1" applyBorder="1" applyAlignment="1">
      <alignment horizontal="right" vertical="center"/>
    </xf>
    <xf numFmtId="178" fontId="2" fillId="0" borderId="60" xfId="2" applyNumberFormat="1" applyFont="1" applyBorder="1" applyAlignment="1">
      <alignment horizontal="right" vertical="center"/>
    </xf>
    <xf numFmtId="178" fontId="2" fillId="0" borderId="61" xfId="2" applyNumberFormat="1" applyFont="1" applyBorder="1" applyAlignment="1">
      <alignment vertical="center"/>
    </xf>
    <xf numFmtId="178" fontId="2" fillId="0" borderId="32" xfId="2" applyNumberFormat="1" applyFont="1" applyBorder="1" applyAlignment="1">
      <alignment horizontal="right" vertical="center"/>
    </xf>
    <xf numFmtId="178" fontId="2" fillId="0" borderId="62" xfId="2" applyNumberFormat="1" applyFont="1" applyBorder="1" applyAlignment="1">
      <alignment horizontal="right" vertical="center"/>
    </xf>
    <xf numFmtId="178" fontId="2" fillId="0" borderId="30" xfId="2" applyNumberFormat="1" applyFont="1" applyBorder="1" applyAlignment="1">
      <alignment horizontal="right" vertical="center"/>
    </xf>
    <xf numFmtId="178" fontId="2" fillId="0" borderId="33" xfId="2" applyNumberFormat="1" applyFont="1" applyBorder="1" applyAlignment="1">
      <alignment horizontal="right" vertical="center"/>
    </xf>
    <xf numFmtId="176" fontId="2" fillId="0" borderId="34" xfId="2" applyNumberFormat="1" applyFont="1" applyBorder="1" applyAlignment="1">
      <alignment horizontal="center" vertical="center"/>
    </xf>
    <xf numFmtId="178" fontId="2" fillId="0" borderId="63" xfId="2" applyNumberFormat="1" applyFont="1" applyFill="1" applyBorder="1" applyAlignment="1">
      <alignment horizontal="right" vertical="center"/>
    </xf>
    <xf numFmtId="178" fontId="2" fillId="0" borderId="64" xfId="2" applyNumberFormat="1" applyFont="1" applyFill="1" applyBorder="1" applyAlignment="1">
      <alignment horizontal="right" vertical="center"/>
    </xf>
    <xf numFmtId="178" fontId="2" fillId="0" borderId="65" xfId="2" applyNumberFormat="1" applyFont="1" applyFill="1" applyBorder="1" applyAlignment="1">
      <alignment horizontal="right" vertical="center"/>
    </xf>
    <xf numFmtId="178" fontId="2" fillId="0" borderId="66" xfId="2" applyNumberFormat="1" applyFont="1" applyFill="1" applyBorder="1" applyAlignment="1">
      <alignment horizontal="right" vertical="center"/>
    </xf>
    <xf numFmtId="178" fontId="2" fillId="2" borderId="63" xfId="2" applyNumberFormat="1" applyFont="1" applyFill="1" applyBorder="1" applyAlignment="1">
      <alignment horizontal="distributed" vertical="center"/>
    </xf>
    <xf numFmtId="178" fontId="2" fillId="0" borderId="40" xfId="2" applyNumberFormat="1" applyFont="1" applyBorder="1" applyAlignment="1">
      <alignment horizontal="right" vertical="center"/>
    </xf>
    <xf numFmtId="178" fontId="2" fillId="0" borderId="17" xfId="2" applyNumberFormat="1" applyFont="1" applyBorder="1" applyAlignment="1">
      <alignment horizontal="right" vertical="center"/>
    </xf>
    <xf numFmtId="178" fontId="2" fillId="0" borderId="38" xfId="2" applyNumberFormat="1" applyFont="1" applyBorder="1" applyAlignment="1">
      <alignment horizontal="right" vertical="center"/>
    </xf>
    <xf numFmtId="178" fontId="2" fillId="0" borderId="41" xfId="2" applyNumberFormat="1" applyFont="1" applyBorder="1" applyAlignment="1">
      <alignment horizontal="right" vertical="center"/>
    </xf>
    <xf numFmtId="178" fontId="2" fillId="2" borderId="40" xfId="2" applyNumberFormat="1" applyFont="1" applyFill="1" applyBorder="1" applyAlignment="1">
      <alignment horizontal="distributed" vertical="center"/>
    </xf>
    <xf numFmtId="178" fontId="2" fillId="0" borderId="26" xfId="2" applyNumberFormat="1" applyFont="1" applyBorder="1" applyAlignment="1">
      <alignment horizontal="right" vertical="center"/>
    </xf>
    <xf numFmtId="178" fontId="2" fillId="0" borderId="35" xfId="2" applyNumberFormat="1" applyFont="1" applyBorder="1" applyAlignment="1">
      <alignment horizontal="right" vertical="center"/>
    </xf>
    <xf numFmtId="178" fontId="2" fillId="0" borderId="24" xfId="2" applyNumberFormat="1" applyFont="1" applyBorder="1" applyAlignment="1">
      <alignment horizontal="right" vertical="center"/>
    </xf>
    <xf numFmtId="178" fontId="2" fillId="0" borderId="27" xfId="2" applyNumberFormat="1" applyFont="1" applyBorder="1" applyAlignment="1">
      <alignment horizontal="right" vertical="center"/>
    </xf>
    <xf numFmtId="178" fontId="2" fillId="2" borderId="26" xfId="2" applyNumberFormat="1" applyFont="1" applyFill="1" applyBorder="1" applyAlignment="1">
      <alignment horizontal="distributed" vertical="center"/>
    </xf>
    <xf numFmtId="178" fontId="2" fillId="0" borderId="63" xfId="2" applyNumberFormat="1" applyFont="1" applyBorder="1" applyAlignment="1">
      <alignment horizontal="right" vertical="center"/>
    </xf>
    <xf numFmtId="178" fontId="2" fillId="0" borderId="64" xfId="2" applyNumberFormat="1" applyFont="1" applyBorder="1" applyAlignment="1">
      <alignment horizontal="right" vertical="center"/>
    </xf>
    <xf numFmtId="178" fontId="2" fillId="0" borderId="65" xfId="2" applyNumberFormat="1" applyFont="1" applyBorder="1" applyAlignment="1">
      <alignment horizontal="right" vertical="center"/>
    </xf>
    <xf numFmtId="178" fontId="2" fillId="0" borderId="66" xfId="2" applyNumberFormat="1" applyFont="1" applyBorder="1" applyAlignment="1">
      <alignment horizontal="right" vertical="center"/>
    </xf>
    <xf numFmtId="178" fontId="2" fillId="0" borderId="40" xfId="2" applyNumberFormat="1" applyFont="1" applyFill="1" applyBorder="1" applyAlignment="1">
      <alignment horizontal="right" vertical="center"/>
    </xf>
    <xf numFmtId="178" fontId="2" fillId="0" borderId="17" xfId="2" applyNumberFormat="1" applyFont="1" applyFill="1" applyBorder="1" applyAlignment="1">
      <alignment horizontal="right" vertical="center"/>
    </xf>
    <xf numFmtId="178" fontId="2" fillId="0" borderId="38" xfId="2" applyNumberFormat="1" applyFont="1" applyFill="1" applyBorder="1" applyAlignment="1">
      <alignment horizontal="right" vertical="center"/>
    </xf>
    <xf numFmtId="178" fontId="2" fillId="0" borderId="41" xfId="2" applyNumberFormat="1" applyFont="1" applyFill="1" applyBorder="1" applyAlignment="1">
      <alignment horizontal="right" vertical="center"/>
    </xf>
    <xf numFmtId="178" fontId="2" fillId="0" borderId="34" xfId="2" applyNumberFormat="1" applyFont="1" applyBorder="1" applyAlignment="1">
      <alignment horizontal="center" vertical="center"/>
    </xf>
    <xf numFmtId="178" fontId="2" fillId="0" borderId="15" xfId="2" applyNumberFormat="1" applyFont="1" applyBorder="1" applyAlignment="1">
      <alignment horizontal="right" vertical="center"/>
    </xf>
    <xf numFmtId="178" fontId="2" fillId="0" borderId="54" xfId="2" applyNumberFormat="1" applyFont="1" applyBorder="1" applyAlignment="1">
      <alignment horizontal="right" vertical="center"/>
    </xf>
    <xf numFmtId="178" fontId="2" fillId="0" borderId="51" xfId="2" applyNumberFormat="1" applyFont="1" applyBorder="1" applyAlignment="1">
      <alignment horizontal="right" vertical="center"/>
    </xf>
    <xf numFmtId="178" fontId="2" fillId="0" borderId="13" xfId="2" applyNumberFormat="1" applyFont="1" applyBorder="1" applyAlignment="1">
      <alignment horizontal="right" vertical="center"/>
    </xf>
    <xf numFmtId="178" fontId="2" fillId="2" borderId="15" xfId="2" applyNumberFormat="1" applyFont="1" applyFill="1" applyBorder="1" applyAlignment="1">
      <alignment horizontal="distributed" vertical="center"/>
    </xf>
    <xf numFmtId="178" fontId="2" fillId="0" borderId="63" xfId="2" applyNumberFormat="1" applyFont="1" applyFill="1" applyBorder="1" applyAlignment="1">
      <alignment horizontal="distributed" vertical="center"/>
    </xf>
    <xf numFmtId="178" fontId="2" fillId="2" borderId="35" xfId="2" quotePrefix="1" applyNumberFormat="1" applyFont="1" applyFill="1" applyBorder="1" applyAlignment="1">
      <alignment horizontal="right" vertical="center"/>
    </xf>
    <xf numFmtId="178" fontId="2" fillId="0" borderId="47" xfId="2" applyNumberFormat="1" applyFont="1" applyBorder="1" applyAlignment="1">
      <alignment horizontal="right" vertical="center"/>
    </xf>
    <xf numFmtId="178" fontId="2" fillId="0" borderId="11" xfId="2" applyNumberFormat="1" applyFont="1" applyBorder="1" applyAlignment="1">
      <alignment horizontal="right" vertical="center"/>
    </xf>
    <xf numFmtId="178" fontId="2" fillId="0" borderId="0" xfId="2" applyNumberFormat="1" applyFont="1" applyBorder="1" applyAlignment="1">
      <alignment horizontal="right" vertical="center"/>
    </xf>
    <xf numFmtId="178" fontId="2" fillId="0" borderId="19" xfId="2" applyNumberFormat="1" applyFont="1" applyBorder="1" applyAlignment="1">
      <alignment horizontal="right" vertical="center"/>
    </xf>
    <xf numFmtId="178" fontId="2" fillId="0" borderId="4" xfId="2" applyNumberFormat="1" applyFont="1" applyBorder="1" applyAlignment="1">
      <alignment horizontal="distributed" vertical="center"/>
    </xf>
    <xf numFmtId="178" fontId="5" fillId="0" borderId="4" xfId="2" quotePrefix="1" applyNumberFormat="1" applyFont="1" applyBorder="1" applyAlignment="1">
      <alignment horizontal="center" vertical="center"/>
    </xf>
    <xf numFmtId="178" fontId="5" fillId="0" borderId="59" xfId="2" quotePrefix="1" applyNumberFormat="1" applyFont="1" applyBorder="1" applyAlignment="1">
      <alignment horizontal="center" vertical="center"/>
    </xf>
    <xf numFmtId="178" fontId="2" fillId="0" borderId="4" xfId="2" applyNumberFormat="1" applyFont="1" applyBorder="1" applyAlignment="1">
      <alignment vertical="center" shrinkToFit="1"/>
    </xf>
    <xf numFmtId="178" fontId="5" fillId="0" borderId="1" xfId="2" quotePrefix="1" applyNumberFormat="1" applyFont="1" applyBorder="1" applyAlignment="1">
      <alignment horizontal="center" vertical="center"/>
    </xf>
    <xf numFmtId="178" fontId="2" fillId="2" borderId="4" xfId="2" applyNumberFormat="1" applyFont="1" applyFill="1" applyBorder="1" applyAlignment="1">
      <alignment horizontal="distributed" vertical="center"/>
    </xf>
    <xf numFmtId="178" fontId="2" fillId="0" borderId="11" xfId="2" applyNumberFormat="1" applyFont="1" applyBorder="1" applyAlignment="1">
      <alignment horizontal="center" vertical="center"/>
    </xf>
    <xf numFmtId="178" fontId="2" fillId="0" borderId="11" xfId="2" applyNumberFormat="1" applyFont="1" applyBorder="1" applyAlignment="1">
      <alignment horizontal="distributed" vertical="center"/>
    </xf>
    <xf numFmtId="178" fontId="2" fillId="0" borderId="0" xfId="2" applyNumberFormat="1" applyFont="1" applyBorder="1" applyAlignment="1">
      <alignment horizontal="center" vertical="center" shrinkToFit="1"/>
    </xf>
    <xf numFmtId="178" fontId="2" fillId="2" borderId="11" xfId="2" applyNumberFormat="1" applyFont="1" applyFill="1" applyBorder="1" applyAlignment="1">
      <alignment horizontal="distributed" vertical="center"/>
    </xf>
    <xf numFmtId="178" fontId="2" fillId="0" borderId="9" xfId="2" applyNumberFormat="1" applyFont="1" applyBorder="1" applyAlignment="1">
      <alignment vertical="center"/>
    </xf>
    <xf numFmtId="178" fontId="2" fillId="0" borderId="55" xfId="2" applyNumberFormat="1" applyFont="1" applyBorder="1" applyAlignment="1">
      <alignment vertical="center"/>
    </xf>
    <xf numFmtId="178" fontId="2" fillId="0" borderId="62" xfId="2" applyNumberFormat="1" applyFont="1" applyBorder="1" applyAlignment="1">
      <alignment vertical="center"/>
    </xf>
    <xf numFmtId="178" fontId="2" fillId="0" borderId="56" xfId="2" applyNumberFormat="1" applyFont="1" applyBorder="1" applyAlignment="1">
      <alignment vertical="center"/>
    </xf>
    <xf numFmtId="178" fontId="2" fillId="2" borderId="56" xfId="2" applyNumberFormat="1" applyFont="1" applyFill="1" applyBorder="1" applyAlignment="1">
      <alignment vertical="center"/>
    </xf>
    <xf numFmtId="178" fontId="2" fillId="2" borderId="70" xfId="2" applyNumberFormat="1" applyFont="1" applyFill="1" applyBorder="1" applyAlignment="1">
      <alignment horizontal="distributed" vertical="center"/>
    </xf>
    <xf numFmtId="178" fontId="2" fillId="2" borderId="9" xfId="2" applyNumberFormat="1" applyFont="1" applyFill="1" applyBorder="1" applyAlignment="1">
      <alignment horizontal="distributed" vertical="center"/>
    </xf>
    <xf numFmtId="178" fontId="2" fillId="0" borderId="59" xfId="2" applyNumberFormat="1" applyFont="1" applyBorder="1" applyAlignment="1">
      <alignment vertical="top"/>
    </xf>
    <xf numFmtId="178" fontId="11" fillId="0" borderId="0" xfId="2" applyNumberFormat="1" applyFont="1" applyAlignment="1">
      <alignment vertical="top"/>
    </xf>
    <xf numFmtId="178" fontId="12" fillId="0" borderId="0" xfId="2" applyNumberFormat="1" applyFont="1" applyAlignment="1">
      <alignment vertical="top"/>
    </xf>
    <xf numFmtId="178" fontId="1" fillId="0" borderId="0" xfId="2" applyNumberFormat="1" applyFont="1" applyAlignment="1">
      <alignment vertical="top"/>
    </xf>
    <xf numFmtId="178" fontId="2" fillId="0" borderId="0" xfId="2" applyNumberFormat="1" applyFont="1" applyFill="1" applyAlignment="1">
      <alignment vertical="center"/>
    </xf>
    <xf numFmtId="178" fontId="10" fillId="0" borderId="0" xfId="2" applyNumberFormat="1" applyFont="1" applyFill="1" applyAlignment="1">
      <alignment vertical="center"/>
    </xf>
    <xf numFmtId="178" fontId="13" fillId="0" borderId="0" xfId="2" applyNumberFormat="1" applyFont="1" applyFill="1" applyAlignment="1">
      <alignment vertical="center"/>
    </xf>
    <xf numFmtId="178" fontId="14" fillId="0" borderId="0" xfId="2" applyNumberFormat="1" applyFont="1" applyFill="1" applyAlignment="1">
      <alignment vertical="center"/>
    </xf>
    <xf numFmtId="176" fontId="2" fillId="0" borderId="0" xfId="4" applyNumberFormat="1" applyFont="1"/>
    <xf numFmtId="176" fontId="2" fillId="0" borderId="0" xfId="4" applyNumberFormat="1" applyFont="1" applyAlignment="1">
      <alignment horizontal="center" vertical="center"/>
    </xf>
    <xf numFmtId="176" fontId="2" fillId="0" borderId="0" xfId="4" applyNumberFormat="1" applyFont="1" applyAlignment="1">
      <alignment horizontal="distributed" vertical="center"/>
    </xf>
    <xf numFmtId="176" fontId="2" fillId="0" borderId="0" xfId="4" applyNumberFormat="1" applyFont="1" applyAlignment="1" applyProtection="1">
      <alignment horizontal="distributed" vertical="center"/>
      <protection locked="0"/>
    </xf>
    <xf numFmtId="176" fontId="2" fillId="0" borderId="0" xfId="4" applyNumberFormat="1" applyFont="1" applyAlignment="1"/>
    <xf numFmtId="176" fontId="2" fillId="0" borderId="4" xfId="4" applyNumberFormat="1" applyFont="1" applyBorder="1" applyAlignment="1">
      <alignment horizontal="right" vertical="center"/>
    </xf>
    <xf numFmtId="176" fontId="2" fillId="0" borderId="1" xfId="4" applyNumberFormat="1" applyFont="1" applyBorder="1" applyAlignment="1">
      <alignment horizontal="right" vertical="center"/>
    </xf>
    <xf numFmtId="176" fontId="2" fillId="0" borderId="60" xfId="4" applyNumberFormat="1" applyFont="1" applyBorder="1" applyAlignment="1">
      <alignment horizontal="right" vertical="center"/>
    </xf>
    <xf numFmtId="176" fontId="2" fillId="0" borderId="33" xfId="4" applyNumberFormat="1" applyFont="1" applyBorder="1" applyAlignment="1">
      <alignment horizontal="right" vertical="center"/>
    </xf>
    <xf numFmtId="176" fontId="2" fillId="0" borderId="2" xfId="4" applyNumberFormat="1" applyFont="1" applyBorder="1" applyAlignment="1">
      <alignment horizontal="right" vertical="center"/>
    </xf>
    <xf numFmtId="176" fontId="2" fillId="2" borderId="5" xfId="4" applyNumberFormat="1" applyFont="1" applyFill="1" applyBorder="1" applyAlignment="1">
      <alignment horizontal="right" vertical="center"/>
    </xf>
    <xf numFmtId="0" fontId="2" fillId="0" borderId="61" xfId="4" applyFont="1" applyBorder="1" applyAlignment="1">
      <alignment horizontal="center" vertical="center"/>
    </xf>
    <xf numFmtId="176" fontId="2" fillId="0" borderId="32" xfId="4" applyNumberFormat="1" applyFont="1" applyBorder="1" applyAlignment="1">
      <alignment horizontal="right" vertical="center"/>
    </xf>
    <xf numFmtId="176" fontId="2" fillId="0" borderId="29" xfId="4" applyNumberFormat="1" applyFont="1" applyBorder="1" applyAlignment="1">
      <alignment horizontal="right" vertical="center"/>
    </xf>
    <xf numFmtId="176" fontId="2" fillId="0" borderId="30" xfId="4" applyNumberFormat="1" applyFont="1" applyBorder="1" applyAlignment="1">
      <alignment horizontal="right" vertical="center"/>
    </xf>
    <xf numFmtId="176" fontId="2" fillId="2" borderId="71" xfId="4" quotePrefix="1" applyNumberFormat="1" applyFont="1" applyFill="1" applyBorder="1" applyAlignment="1">
      <alignment horizontal="right" vertical="center"/>
    </xf>
    <xf numFmtId="176" fontId="2" fillId="0" borderId="34" xfId="4" applyNumberFormat="1" applyFont="1" applyBorder="1" applyAlignment="1">
      <alignment horizontal="center" vertical="center"/>
    </xf>
    <xf numFmtId="176" fontId="2" fillId="0" borderId="63" xfId="4" applyNumberFormat="1" applyFont="1" applyFill="1" applyBorder="1" applyAlignment="1">
      <alignment horizontal="right" vertical="center"/>
    </xf>
    <xf numFmtId="176" fontId="2" fillId="0" borderId="72" xfId="4" applyNumberFormat="1" applyFont="1" applyFill="1" applyBorder="1" applyAlignment="1">
      <alignment horizontal="right" vertical="center"/>
    </xf>
    <xf numFmtId="176" fontId="2" fillId="0" borderId="65" xfId="4" applyNumberFormat="1" applyFont="1" applyFill="1" applyBorder="1" applyAlignment="1">
      <alignment horizontal="right" vertical="center"/>
    </xf>
    <xf numFmtId="176" fontId="2" fillId="0" borderId="66" xfId="4" applyNumberFormat="1" applyFont="1" applyFill="1" applyBorder="1" applyAlignment="1">
      <alignment horizontal="right" vertical="center"/>
    </xf>
    <xf numFmtId="176" fontId="2" fillId="0" borderId="73" xfId="4" quotePrefix="1" applyNumberFormat="1" applyFont="1" applyFill="1" applyBorder="1" applyAlignment="1">
      <alignment horizontal="right" vertical="center"/>
    </xf>
    <xf numFmtId="176" fontId="2" fillId="2" borderId="63" xfId="4" applyNumberFormat="1" applyFont="1" applyFill="1" applyBorder="1" applyAlignment="1">
      <alignment horizontal="distributed" vertical="center"/>
    </xf>
    <xf numFmtId="176" fontId="2" fillId="0" borderId="40" xfId="4" applyNumberFormat="1" applyFont="1" applyBorder="1" applyAlignment="1">
      <alignment horizontal="right" vertical="center"/>
    </xf>
    <xf numFmtId="176" fontId="2" fillId="0" borderId="37" xfId="4" applyNumberFormat="1" applyFont="1" applyBorder="1" applyAlignment="1">
      <alignment horizontal="right" vertical="center"/>
    </xf>
    <xf numFmtId="176" fontId="2" fillId="0" borderId="38" xfId="4" applyNumberFormat="1" applyFont="1" applyBorder="1" applyAlignment="1">
      <alignment horizontal="right" vertical="center"/>
    </xf>
    <xf numFmtId="176" fontId="2" fillId="0" borderId="41" xfId="4" applyNumberFormat="1" applyFont="1" applyBorder="1" applyAlignment="1">
      <alignment horizontal="right" vertical="center"/>
    </xf>
    <xf numFmtId="176" fontId="2" fillId="2" borderId="49" xfId="4" quotePrefix="1" applyNumberFormat="1" applyFont="1" applyFill="1" applyBorder="1" applyAlignment="1">
      <alignment horizontal="right" vertical="center"/>
    </xf>
    <xf numFmtId="176" fontId="2" fillId="2" borderId="40" xfId="4" applyNumberFormat="1" applyFont="1" applyFill="1" applyBorder="1" applyAlignment="1">
      <alignment horizontal="distributed" vertical="center"/>
    </xf>
    <xf numFmtId="176" fontId="2" fillId="0" borderId="26" xfId="4" applyNumberFormat="1" applyFont="1" applyBorder="1" applyAlignment="1">
      <alignment horizontal="right" vertical="center"/>
    </xf>
    <xf numFmtId="176" fontId="2" fillId="0" borderId="23" xfId="4" applyNumberFormat="1" applyFont="1" applyBorder="1" applyAlignment="1">
      <alignment horizontal="right" vertical="center"/>
    </xf>
    <xf numFmtId="176" fontId="2" fillId="0" borderId="24" xfId="4" applyNumberFormat="1" applyFont="1" applyBorder="1" applyAlignment="1">
      <alignment horizontal="right" vertical="center"/>
    </xf>
    <xf numFmtId="176" fontId="2" fillId="0" borderId="27" xfId="4" applyNumberFormat="1" applyFont="1" applyBorder="1" applyAlignment="1">
      <alignment horizontal="right" vertical="center"/>
    </xf>
    <xf numFmtId="176" fontId="2" fillId="2" borderId="74" xfId="4" quotePrefix="1" applyNumberFormat="1" applyFont="1" applyFill="1" applyBorder="1" applyAlignment="1">
      <alignment horizontal="right" vertical="center"/>
    </xf>
    <xf numFmtId="176" fontId="2" fillId="2" borderId="26" xfId="4" applyNumberFormat="1" applyFont="1" applyFill="1" applyBorder="1" applyAlignment="1">
      <alignment horizontal="distributed" vertical="center"/>
    </xf>
    <xf numFmtId="176" fontId="2" fillId="0" borderId="63" xfId="4" applyNumberFormat="1" applyFont="1" applyBorder="1" applyAlignment="1">
      <alignment horizontal="right" vertical="center"/>
    </xf>
    <xf numFmtId="176" fontId="2" fillId="0" borderId="72" xfId="4" applyNumberFormat="1" applyFont="1" applyBorder="1" applyAlignment="1">
      <alignment horizontal="right" vertical="center"/>
    </xf>
    <xf numFmtId="176" fontId="2" fillId="0" borderId="65" xfId="4" applyNumberFormat="1" applyFont="1" applyBorder="1" applyAlignment="1">
      <alignment horizontal="right" vertical="center"/>
    </xf>
    <xf numFmtId="176" fontId="2" fillId="0" borderId="66" xfId="4" applyNumberFormat="1" applyFont="1" applyBorder="1" applyAlignment="1">
      <alignment horizontal="right" vertical="center"/>
    </xf>
    <xf numFmtId="176" fontId="2" fillId="2" borderId="73" xfId="4" quotePrefix="1" applyNumberFormat="1" applyFont="1" applyFill="1" applyBorder="1" applyAlignment="1">
      <alignment horizontal="right" vertical="center"/>
    </xf>
    <xf numFmtId="176" fontId="2" fillId="0" borderId="40" xfId="4" applyNumberFormat="1" applyFont="1" applyFill="1" applyBorder="1" applyAlignment="1">
      <alignment horizontal="right" vertical="center"/>
    </xf>
    <xf numFmtId="176" fontId="2" fillId="0" borderId="37" xfId="4" applyNumberFormat="1" applyFont="1" applyFill="1" applyBorder="1" applyAlignment="1">
      <alignment horizontal="right" vertical="center"/>
    </xf>
    <xf numFmtId="176" fontId="2" fillId="0" borderId="38" xfId="4" applyNumberFormat="1" applyFont="1" applyFill="1" applyBorder="1" applyAlignment="1">
      <alignment horizontal="right" vertical="center"/>
    </xf>
    <xf numFmtId="176" fontId="2" fillId="0" borderId="41" xfId="4" applyNumberFormat="1" applyFont="1" applyFill="1" applyBorder="1" applyAlignment="1">
      <alignment horizontal="right" vertical="center"/>
    </xf>
    <xf numFmtId="176" fontId="2" fillId="0" borderId="49" xfId="4" quotePrefix="1" applyNumberFormat="1" applyFont="1" applyFill="1" applyBorder="1" applyAlignment="1">
      <alignment horizontal="right" vertical="center"/>
    </xf>
    <xf numFmtId="176" fontId="2" fillId="2" borderId="74" xfId="4" applyNumberFormat="1" applyFont="1" applyFill="1" applyBorder="1" applyAlignment="1">
      <alignment horizontal="right" vertical="center"/>
    </xf>
    <xf numFmtId="176" fontId="2" fillId="2" borderId="29" xfId="4" quotePrefix="1" applyNumberFormat="1" applyFont="1" applyFill="1" applyBorder="1" applyAlignment="1">
      <alignment horizontal="right" vertical="center"/>
    </xf>
    <xf numFmtId="176" fontId="2" fillId="2" borderId="30" xfId="4" quotePrefix="1" applyNumberFormat="1" applyFont="1" applyFill="1" applyBorder="1" applyAlignment="1">
      <alignment horizontal="right" vertical="center"/>
    </xf>
    <xf numFmtId="176" fontId="2" fillId="2" borderId="33" xfId="4" quotePrefix="1" applyNumberFormat="1" applyFont="1" applyFill="1" applyBorder="1" applyAlignment="1">
      <alignment horizontal="right" vertical="center"/>
    </xf>
    <xf numFmtId="0" fontId="2" fillId="0" borderId="34" xfId="4" applyFont="1" applyBorder="1" applyAlignment="1">
      <alignment horizontal="center"/>
    </xf>
    <xf numFmtId="176" fontId="2" fillId="0" borderId="15" xfId="4" applyNumberFormat="1" applyFont="1" applyBorder="1" applyAlignment="1">
      <alignment horizontal="right" vertical="center"/>
    </xf>
    <xf numFmtId="176" fontId="2" fillId="0" borderId="12" xfId="4" applyNumberFormat="1" applyFont="1" applyBorder="1" applyAlignment="1">
      <alignment horizontal="right" vertical="center"/>
    </xf>
    <xf numFmtId="176" fontId="2" fillId="0" borderId="51" xfId="4" applyNumberFormat="1" applyFont="1" applyBorder="1" applyAlignment="1">
      <alignment horizontal="right" vertical="center"/>
    </xf>
    <xf numFmtId="176" fontId="2" fillId="0" borderId="13" xfId="4" applyNumberFormat="1" applyFont="1" applyBorder="1" applyAlignment="1">
      <alignment horizontal="right" vertical="center"/>
    </xf>
    <xf numFmtId="176" fontId="2" fillId="2" borderId="16" xfId="4" quotePrefix="1" applyNumberFormat="1" applyFont="1" applyFill="1" applyBorder="1" applyAlignment="1">
      <alignment horizontal="right" vertical="center"/>
    </xf>
    <xf numFmtId="176" fontId="2" fillId="2" borderId="15" xfId="4" applyNumberFormat="1" applyFont="1" applyFill="1" applyBorder="1" applyAlignment="1">
      <alignment horizontal="distributed" vertical="center"/>
    </xf>
    <xf numFmtId="176" fontId="2" fillId="2" borderId="49" xfId="4" applyNumberFormat="1" applyFont="1" applyFill="1" applyBorder="1" applyAlignment="1">
      <alignment horizontal="right" vertical="center"/>
    </xf>
    <xf numFmtId="176" fontId="2" fillId="0" borderId="63" xfId="4" applyNumberFormat="1" applyFont="1" applyFill="1" applyBorder="1" applyAlignment="1">
      <alignment horizontal="distributed" vertical="center"/>
    </xf>
    <xf numFmtId="176" fontId="2" fillId="0" borderId="11" xfId="4" applyNumberFormat="1" applyFont="1" applyBorder="1" applyAlignment="1">
      <alignment horizontal="right" vertical="center"/>
    </xf>
    <xf numFmtId="176" fontId="2" fillId="0" borderId="18" xfId="4" applyNumberFormat="1" applyFont="1" applyBorder="1" applyAlignment="1">
      <alignment horizontal="right" vertical="center"/>
    </xf>
    <xf numFmtId="176" fontId="2" fillId="2" borderId="44" xfId="4" applyNumberFormat="1" applyFont="1" applyFill="1" applyBorder="1" applyAlignment="1">
      <alignment horizontal="right" vertical="center"/>
    </xf>
    <xf numFmtId="176" fontId="2" fillId="0" borderId="21" xfId="4" applyNumberFormat="1" applyFont="1" applyBorder="1" applyAlignment="1">
      <alignment horizontal="right" vertical="center"/>
    </xf>
    <xf numFmtId="176" fontId="2" fillId="0" borderId="0" xfId="4" applyNumberFormat="1" applyFont="1" applyAlignment="1">
      <alignment horizontal="center" vertical="top"/>
    </xf>
    <xf numFmtId="176" fontId="2" fillId="0" borderId="0" xfId="4" applyNumberFormat="1" applyFont="1" applyAlignment="1">
      <alignment vertical="top"/>
    </xf>
    <xf numFmtId="176" fontId="5" fillId="0" borderId="4" xfId="4" quotePrefix="1" applyNumberFormat="1" applyFont="1" applyBorder="1" applyAlignment="1">
      <alignment horizontal="center" vertical="center"/>
    </xf>
    <xf numFmtId="176" fontId="2" fillId="0" borderId="61" xfId="4" applyNumberFormat="1" applyFont="1" applyFill="1" applyBorder="1" applyAlignment="1">
      <alignment horizontal="distributed" vertical="center"/>
    </xf>
    <xf numFmtId="176" fontId="2" fillId="0" borderId="0" xfId="4" applyNumberFormat="1" applyFont="1" applyAlignment="1">
      <alignment horizontal="center"/>
    </xf>
    <xf numFmtId="177" fontId="5" fillId="0" borderId="6" xfId="4" applyNumberFormat="1" applyFont="1" applyFill="1" applyBorder="1" applyAlignment="1">
      <alignment vertical="center" wrapText="1"/>
    </xf>
    <xf numFmtId="176" fontId="5" fillId="0" borderId="57" xfId="4" applyNumberFormat="1" applyFont="1" applyFill="1" applyBorder="1" applyAlignment="1">
      <alignment vertical="center"/>
    </xf>
    <xf numFmtId="177" fontId="5" fillId="0" borderId="7" xfId="4" applyNumberFormat="1" applyFont="1" applyFill="1" applyBorder="1" applyAlignment="1">
      <alignment vertical="center" wrapText="1"/>
    </xf>
    <xf numFmtId="176" fontId="5" fillId="0" borderId="7" xfId="4" applyNumberFormat="1" applyFont="1" applyBorder="1" applyAlignment="1">
      <alignment vertical="center"/>
    </xf>
    <xf numFmtId="176" fontId="5" fillId="0" borderId="7" xfId="4" applyNumberFormat="1" applyFont="1" applyFill="1" applyBorder="1" applyAlignment="1">
      <alignment vertical="center"/>
    </xf>
    <xf numFmtId="176" fontId="5" fillId="0" borderId="10" xfId="4" applyNumberFormat="1" applyFont="1" applyFill="1" applyBorder="1" applyAlignment="1">
      <alignment vertical="center"/>
    </xf>
    <xf numFmtId="176" fontId="5" fillId="0" borderId="55" xfId="4" applyNumberFormat="1" applyFont="1" applyBorder="1"/>
    <xf numFmtId="177" fontId="2" fillId="0" borderId="56" xfId="4" applyNumberFormat="1" applyFont="1" applyFill="1" applyBorder="1" applyAlignment="1">
      <alignment horizontal="center" vertical="center" wrapText="1"/>
    </xf>
    <xf numFmtId="176" fontId="2" fillId="0" borderId="56" xfId="4" applyNumberFormat="1" applyFont="1" applyFill="1" applyBorder="1"/>
    <xf numFmtId="176" fontId="2" fillId="0" borderId="56" xfId="4" applyNumberFormat="1" applyFont="1" applyBorder="1"/>
    <xf numFmtId="176" fontId="2" fillId="0" borderId="70" xfId="4" quotePrefix="1" applyNumberFormat="1" applyFont="1" applyFill="1" applyBorder="1" applyAlignment="1">
      <alignment horizontal="center" vertical="center"/>
    </xf>
    <xf numFmtId="176" fontId="2" fillId="0" borderId="70" xfId="4" applyNumberFormat="1" applyFont="1" applyFill="1" applyBorder="1" applyAlignment="1">
      <alignment horizontal="distributed" vertical="center"/>
    </xf>
    <xf numFmtId="0" fontId="2" fillId="0" borderId="0" xfId="4" applyFont="1" applyFill="1"/>
    <xf numFmtId="0" fontId="2" fillId="0" borderId="0" xfId="4" applyFont="1" applyFill="1" applyAlignment="1">
      <alignment horizontal="right"/>
    </xf>
    <xf numFmtId="0" fontId="12" fillId="0" borderId="0" xfId="4" applyFont="1" applyFill="1"/>
    <xf numFmtId="0" fontId="1" fillId="0" borderId="0" xfId="4" applyFont="1" applyFill="1"/>
    <xf numFmtId="0" fontId="2" fillId="0" borderId="0" xfId="4" applyFont="1"/>
    <xf numFmtId="0" fontId="13" fillId="0" borderId="0" xfId="4" applyFont="1" applyAlignment="1">
      <alignment vertical="center"/>
    </xf>
    <xf numFmtId="178" fontId="2" fillId="0" borderId="0" xfId="4" applyNumberFormat="1" applyFont="1" applyAlignment="1">
      <alignment vertical="center"/>
    </xf>
    <xf numFmtId="178" fontId="2" fillId="0" borderId="0" xfId="4" applyNumberFormat="1" applyFont="1" applyAlignment="1">
      <alignment horizontal="center" vertical="center"/>
    </xf>
    <xf numFmtId="178" fontId="2" fillId="0" borderId="0" xfId="4" applyNumberFormat="1" applyFont="1" applyAlignment="1">
      <alignment horizontal="distributed" vertical="center"/>
    </xf>
    <xf numFmtId="178" fontId="2" fillId="0" borderId="0" xfId="4" applyNumberFormat="1" applyFont="1" applyAlignment="1" applyProtection="1">
      <alignment horizontal="distributed" vertical="center"/>
      <protection locked="0"/>
    </xf>
    <xf numFmtId="178" fontId="4" fillId="0" borderId="0" xfId="4" applyNumberFormat="1" applyFont="1" applyAlignment="1">
      <alignment vertical="center"/>
    </xf>
    <xf numFmtId="178" fontId="5" fillId="0" borderId="0" xfId="4" applyNumberFormat="1" applyFont="1" applyAlignment="1">
      <alignment vertical="center"/>
    </xf>
    <xf numFmtId="178" fontId="5" fillId="0" borderId="0" xfId="4" applyNumberFormat="1" applyFont="1" applyAlignment="1"/>
    <xf numFmtId="178" fontId="4" fillId="0" borderId="0" xfId="4" applyNumberFormat="1" applyFont="1" applyAlignment="1"/>
    <xf numFmtId="178" fontId="4" fillId="0" borderId="32" xfId="4" applyNumberFormat="1" applyFont="1" applyFill="1" applyBorder="1" applyAlignment="1">
      <alignment horizontal="right" vertical="center"/>
    </xf>
    <xf numFmtId="178" fontId="4" fillId="0" borderId="1" xfId="4" applyNumberFormat="1" applyFont="1" applyBorder="1" applyAlignment="1">
      <alignment horizontal="right" vertical="center"/>
    </xf>
    <xf numFmtId="178" fontId="4" fillId="0" borderId="2" xfId="4" applyNumberFormat="1" applyFont="1" applyFill="1" applyBorder="1" applyAlignment="1">
      <alignment horizontal="right" vertical="center"/>
    </xf>
    <xf numFmtId="178" fontId="4" fillId="0" borderId="5" xfId="4" applyNumberFormat="1" applyFont="1" applyFill="1" applyBorder="1" applyAlignment="1">
      <alignment horizontal="right" vertical="center"/>
    </xf>
    <xf numFmtId="178" fontId="4" fillId="0" borderId="59" xfId="4" applyNumberFormat="1" applyFont="1" applyFill="1" applyBorder="1" applyAlignment="1">
      <alignment horizontal="right" vertical="center"/>
    </xf>
    <xf numFmtId="178" fontId="4" fillId="0" borderId="29" xfId="4" applyNumberFormat="1" applyFont="1" applyBorder="1" applyAlignment="1">
      <alignment horizontal="right" vertical="center"/>
    </xf>
    <xf numFmtId="178" fontId="4" fillId="0" borderId="33" xfId="4" applyNumberFormat="1" applyFont="1" applyFill="1" applyBorder="1" applyAlignment="1">
      <alignment horizontal="right" vertical="center"/>
    </xf>
    <xf numFmtId="178" fontId="4" fillId="0" borderId="71" xfId="4" applyNumberFormat="1" applyFont="1" applyFill="1" applyBorder="1" applyAlignment="1">
      <alignment horizontal="right" vertical="center"/>
    </xf>
    <xf numFmtId="178" fontId="4" fillId="0" borderId="33" xfId="4" applyNumberFormat="1" applyFont="1" applyBorder="1" applyAlignment="1">
      <alignment horizontal="right" vertical="center"/>
    </xf>
    <xf numFmtId="178" fontId="4" fillId="0" borderId="30" xfId="4" applyNumberFormat="1" applyFont="1" applyBorder="1" applyAlignment="1">
      <alignment horizontal="right" vertical="center"/>
    </xf>
    <xf numFmtId="178" fontId="4" fillId="0" borderId="71" xfId="4" applyNumberFormat="1" applyFont="1" applyBorder="1" applyAlignment="1">
      <alignment horizontal="right" vertical="center"/>
    </xf>
    <xf numFmtId="178" fontId="4" fillId="0" borderId="59" xfId="4" applyNumberFormat="1" applyFont="1" applyBorder="1" applyAlignment="1">
      <alignment horizontal="right" vertical="center"/>
    </xf>
    <xf numFmtId="178" fontId="4" fillId="0" borderId="32" xfId="4" applyNumberFormat="1" applyFont="1" applyBorder="1" applyAlignment="1">
      <alignment vertical="center"/>
    </xf>
    <xf numFmtId="178" fontId="4" fillId="0" borderId="61" xfId="4" applyNumberFormat="1" applyFont="1" applyBorder="1" applyAlignment="1">
      <alignment vertical="center"/>
    </xf>
    <xf numFmtId="178" fontId="4" fillId="0" borderId="62" xfId="4" applyNumberFormat="1" applyFont="1" applyFill="1" applyBorder="1" applyAlignment="1">
      <alignment horizontal="right" vertical="center"/>
    </xf>
    <xf numFmtId="178" fontId="4" fillId="0" borderId="62" xfId="4" applyNumberFormat="1" applyFont="1" applyBorder="1" applyAlignment="1">
      <alignment horizontal="right" vertical="center"/>
    </xf>
    <xf numFmtId="176" fontId="4" fillId="0" borderId="34" xfId="4" applyNumberFormat="1" applyFont="1" applyBorder="1" applyAlignment="1">
      <alignment horizontal="center" vertical="center"/>
    </xf>
    <xf numFmtId="178" fontId="4" fillId="0" borderId="63" xfId="4" applyNumberFormat="1" applyFont="1" applyFill="1" applyBorder="1" applyAlignment="1">
      <alignment horizontal="right" vertical="center"/>
    </xf>
    <xf numFmtId="178" fontId="4" fillId="0" borderId="72" xfId="4" applyNumberFormat="1" applyFont="1" applyBorder="1" applyAlignment="1">
      <alignment horizontal="right" vertical="center"/>
    </xf>
    <xf numFmtId="178" fontId="4" fillId="0" borderId="66" xfId="4" applyNumberFormat="1" applyFont="1" applyFill="1" applyBorder="1" applyAlignment="1">
      <alignment horizontal="right" vertical="center"/>
    </xf>
    <xf numFmtId="178" fontId="4" fillId="0" borderId="73" xfId="4" applyNumberFormat="1" applyFont="1" applyFill="1" applyBorder="1" applyAlignment="1">
      <alignment horizontal="right" vertical="center"/>
    </xf>
    <xf numFmtId="178" fontId="4" fillId="0" borderId="64" xfId="4" applyNumberFormat="1" applyFont="1" applyFill="1" applyBorder="1" applyAlignment="1">
      <alignment horizontal="right" vertical="center"/>
    </xf>
    <xf numFmtId="178" fontId="4" fillId="0" borderId="65" xfId="4" applyNumberFormat="1" applyFont="1" applyFill="1" applyBorder="1" applyAlignment="1">
      <alignment horizontal="right" vertical="center"/>
    </xf>
    <xf numFmtId="178" fontId="4" fillId="0" borderId="4" xfId="4" applyNumberFormat="1" applyFont="1" applyBorder="1" applyAlignment="1">
      <alignment vertical="center"/>
    </xf>
    <xf numFmtId="178" fontId="4" fillId="2" borderId="63" xfId="4" applyNumberFormat="1" applyFont="1" applyFill="1" applyBorder="1" applyAlignment="1">
      <alignment horizontal="distributed" vertical="center"/>
    </xf>
    <xf numFmtId="178" fontId="4" fillId="0" borderId="40" xfId="4" applyNumberFormat="1" applyFont="1" applyFill="1" applyBorder="1" applyAlignment="1">
      <alignment horizontal="right" vertical="center"/>
    </xf>
    <xf numFmtId="178" fontId="4" fillId="0" borderId="37" xfId="4" applyNumberFormat="1" applyFont="1" applyBorder="1" applyAlignment="1">
      <alignment horizontal="right" vertical="center"/>
    </xf>
    <xf numFmtId="178" fontId="4" fillId="0" borderId="41" xfId="4" applyNumberFormat="1" applyFont="1" applyFill="1" applyBorder="1" applyAlignment="1">
      <alignment horizontal="right" vertical="center"/>
    </xf>
    <xf numFmtId="178" fontId="4" fillId="0" borderId="49" xfId="4" applyNumberFormat="1" applyFont="1" applyFill="1" applyBorder="1" applyAlignment="1">
      <alignment horizontal="right" vertical="center"/>
    </xf>
    <xf numFmtId="178" fontId="4" fillId="0" borderId="17" xfId="4" applyNumberFormat="1" applyFont="1" applyFill="1" applyBorder="1" applyAlignment="1">
      <alignment horizontal="right" vertical="center"/>
    </xf>
    <xf numFmtId="178" fontId="4" fillId="0" borderId="38" xfId="4" applyNumberFormat="1" applyFont="1" applyFill="1" applyBorder="1" applyAlignment="1">
      <alignment horizontal="right" vertical="center"/>
    </xf>
    <xf numFmtId="178" fontId="4" fillId="0" borderId="26" xfId="4" applyNumberFormat="1" applyFont="1" applyBorder="1" applyAlignment="1">
      <alignment vertical="center"/>
    </xf>
    <xf numFmtId="178" fontId="4" fillId="2" borderId="40" xfId="4" applyNumberFormat="1" applyFont="1" applyFill="1" applyBorder="1" applyAlignment="1">
      <alignment horizontal="distributed" vertical="center"/>
    </xf>
    <xf numFmtId="178" fontId="4" fillId="0" borderId="46" xfId="4" applyNumberFormat="1" applyFont="1" applyFill="1" applyBorder="1" applyAlignment="1">
      <alignment horizontal="right" vertical="center"/>
    </xf>
    <xf numFmtId="178" fontId="4" fillId="0" borderId="43" xfId="4" applyNumberFormat="1" applyFont="1" applyBorder="1" applyAlignment="1">
      <alignment horizontal="right" vertical="center"/>
    </xf>
    <xf numFmtId="178" fontId="4" fillId="0" borderId="47" xfId="4" applyNumberFormat="1" applyFont="1" applyFill="1" applyBorder="1" applyAlignment="1">
      <alignment horizontal="right" vertical="center"/>
    </xf>
    <xf numFmtId="178" fontId="4" fillId="0" borderId="74" xfId="4" applyNumberFormat="1" applyFont="1" applyFill="1" applyBorder="1" applyAlignment="1">
      <alignment horizontal="right" vertical="center"/>
    </xf>
    <xf numFmtId="178" fontId="4" fillId="0" borderId="35" xfId="4" applyNumberFormat="1" applyFont="1" applyFill="1" applyBorder="1" applyAlignment="1">
      <alignment horizontal="right" vertical="center"/>
    </xf>
    <xf numFmtId="178" fontId="4" fillId="0" borderId="44" xfId="4" applyNumberFormat="1" applyFont="1" applyFill="1" applyBorder="1" applyAlignment="1">
      <alignment horizontal="right" vertical="center"/>
    </xf>
    <xf numFmtId="178" fontId="4" fillId="0" borderId="27" xfId="4" applyNumberFormat="1" applyFont="1" applyFill="1" applyBorder="1" applyAlignment="1">
      <alignment horizontal="right" vertical="center"/>
    </xf>
    <xf numFmtId="178" fontId="4" fillId="0" borderId="50" xfId="4" applyNumberFormat="1" applyFont="1" applyFill="1" applyBorder="1" applyAlignment="1">
      <alignment horizontal="right" vertical="center"/>
    </xf>
    <xf numFmtId="178" fontId="4" fillId="0" borderId="23" xfId="4" applyNumberFormat="1" applyFont="1" applyBorder="1" applyAlignment="1">
      <alignment horizontal="right" vertical="center"/>
    </xf>
    <xf numFmtId="178" fontId="4" fillId="0" borderId="46" xfId="4" applyNumberFormat="1" applyFont="1" applyBorder="1" applyAlignment="1">
      <alignment vertical="center"/>
    </xf>
    <xf numFmtId="178" fontId="4" fillId="2" borderId="26" xfId="4" applyNumberFormat="1" applyFont="1" applyFill="1" applyBorder="1" applyAlignment="1">
      <alignment horizontal="distributed" vertical="center"/>
    </xf>
    <xf numFmtId="178" fontId="4" fillId="0" borderId="15" xfId="4" applyNumberFormat="1" applyFont="1" applyFill="1" applyBorder="1" applyAlignment="1">
      <alignment horizontal="right" vertical="center"/>
    </xf>
    <xf numFmtId="178" fontId="4" fillId="0" borderId="12" xfId="4" applyNumberFormat="1" applyFont="1" applyBorder="1" applyAlignment="1">
      <alignment horizontal="right" vertical="center"/>
    </xf>
    <xf numFmtId="178" fontId="4" fillId="0" borderId="13" xfId="4" applyNumberFormat="1" applyFont="1" applyFill="1" applyBorder="1" applyAlignment="1">
      <alignment horizontal="right" vertical="center"/>
    </xf>
    <xf numFmtId="178" fontId="4" fillId="0" borderId="51" xfId="4" applyNumberFormat="1" applyFont="1" applyFill="1" applyBorder="1" applyAlignment="1">
      <alignment horizontal="right" vertical="center"/>
    </xf>
    <xf numFmtId="178" fontId="4" fillId="0" borderId="16" xfId="4" applyNumberFormat="1" applyFont="1" applyFill="1" applyBorder="1" applyAlignment="1">
      <alignment horizontal="right" vertical="center"/>
    </xf>
    <xf numFmtId="178" fontId="4" fillId="0" borderId="11" xfId="4" applyNumberFormat="1" applyFont="1" applyBorder="1" applyAlignment="1">
      <alignment vertical="center"/>
    </xf>
    <xf numFmtId="178" fontId="4" fillId="0" borderId="26" xfId="4" applyNumberFormat="1" applyFont="1" applyFill="1" applyBorder="1" applyAlignment="1">
      <alignment horizontal="right" vertical="center"/>
    </xf>
    <xf numFmtId="178" fontId="4" fillId="0" borderId="24" xfId="4" applyNumberFormat="1" applyFont="1" applyFill="1" applyBorder="1" applyAlignment="1">
      <alignment horizontal="right" vertical="center"/>
    </xf>
    <xf numFmtId="178" fontId="4" fillId="0" borderId="72" xfId="4" applyNumberFormat="1" applyFont="1" applyFill="1" applyBorder="1" applyAlignment="1">
      <alignment horizontal="right" vertical="center"/>
    </xf>
    <xf numFmtId="178" fontId="4" fillId="0" borderId="11" xfId="4" applyNumberFormat="1" applyFont="1" applyFill="1" applyBorder="1" applyAlignment="1">
      <alignment horizontal="right" vertical="center"/>
    </xf>
    <xf numFmtId="178" fontId="4" fillId="0" borderId="18" xfId="4" applyNumberFormat="1" applyFont="1" applyBorder="1" applyAlignment="1">
      <alignment horizontal="right" vertical="center"/>
    </xf>
    <xf numFmtId="178" fontId="4" fillId="0" borderId="21" xfId="4" applyNumberFormat="1" applyFont="1" applyFill="1" applyBorder="1" applyAlignment="1">
      <alignment horizontal="right" vertical="center"/>
    </xf>
    <xf numFmtId="178" fontId="4" fillId="0" borderId="36" xfId="4" applyNumberFormat="1" applyFont="1" applyFill="1" applyBorder="1" applyAlignment="1">
      <alignment horizontal="right" vertical="center"/>
    </xf>
    <xf numFmtId="178" fontId="4" fillId="0" borderId="30" xfId="4" applyNumberFormat="1" applyFont="1" applyFill="1" applyBorder="1" applyAlignment="1">
      <alignment horizontal="right" vertical="center"/>
    </xf>
    <xf numFmtId="178" fontId="4" fillId="0" borderId="34" xfId="4" applyNumberFormat="1" applyFont="1" applyBorder="1" applyAlignment="1">
      <alignment horizontal="center" vertical="center"/>
    </xf>
    <xf numFmtId="178" fontId="4" fillId="0" borderId="54" xfId="4" applyNumberFormat="1" applyFont="1" applyFill="1" applyBorder="1" applyAlignment="1">
      <alignment horizontal="right" vertical="center"/>
    </xf>
    <xf numFmtId="178" fontId="4" fillId="0" borderId="63" xfId="4" applyNumberFormat="1" applyFont="1" applyBorder="1" applyAlignment="1">
      <alignment vertical="center"/>
    </xf>
    <xf numFmtId="178" fontId="4" fillId="2" borderId="15" xfId="4" applyNumberFormat="1" applyFont="1" applyFill="1" applyBorder="1" applyAlignment="1">
      <alignment horizontal="distributed" vertical="center"/>
    </xf>
    <xf numFmtId="178" fontId="4" fillId="0" borderId="40" xfId="4" applyNumberFormat="1" applyFont="1" applyBorder="1" applyAlignment="1">
      <alignment vertical="center"/>
    </xf>
    <xf numFmtId="178" fontId="4" fillId="0" borderId="7" xfId="4" applyNumberFormat="1" applyFont="1" applyFill="1" applyBorder="1" applyAlignment="1">
      <alignment horizontal="right" vertical="center"/>
    </xf>
    <xf numFmtId="178" fontId="4" fillId="0" borderId="12" xfId="4" applyNumberFormat="1" applyFont="1" applyFill="1" applyBorder="1" applyAlignment="1">
      <alignment horizontal="right" vertical="center"/>
    </xf>
    <xf numFmtId="178" fontId="4" fillId="0" borderId="63" xfId="4" applyNumberFormat="1" applyFont="1" applyFill="1" applyBorder="1" applyAlignment="1">
      <alignment vertical="center"/>
    </xf>
    <xf numFmtId="178" fontId="4" fillId="0" borderId="63" xfId="4" applyNumberFormat="1" applyFont="1" applyFill="1" applyBorder="1" applyAlignment="1">
      <alignment horizontal="distributed" vertical="center"/>
    </xf>
    <xf numFmtId="178" fontId="4" fillId="2" borderId="42" xfId="4" applyNumberFormat="1" applyFont="1" applyFill="1" applyBorder="1" applyAlignment="1">
      <alignment horizontal="distributed" vertical="center"/>
    </xf>
    <xf numFmtId="178" fontId="4" fillId="0" borderId="10" xfId="4" applyNumberFormat="1" applyFont="1" applyFill="1" applyBorder="1" applyAlignment="1">
      <alignment horizontal="right" vertical="center"/>
    </xf>
    <xf numFmtId="178" fontId="4" fillId="0" borderId="0" xfId="4" applyNumberFormat="1" applyFont="1" applyFill="1" applyBorder="1" applyAlignment="1">
      <alignment horizontal="right" vertical="center"/>
    </xf>
    <xf numFmtId="178" fontId="4" fillId="2" borderId="28" xfId="4" applyNumberFormat="1" applyFont="1" applyFill="1" applyBorder="1" applyAlignment="1">
      <alignment horizontal="distributed" vertical="center"/>
    </xf>
    <xf numFmtId="178" fontId="5" fillId="0" borderId="0" xfId="4" applyNumberFormat="1" applyFont="1" applyAlignment="1">
      <alignment horizontal="center" vertical="center"/>
    </xf>
    <xf numFmtId="178" fontId="4" fillId="0" borderId="4" xfId="4" applyNumberFormat="1" applyFont="1" applyBorder="1" applyAlignment="1">
      <alignment horizontal="center" vertical="center"/>
    </xf>
    <xf numFmtId="178" fontId="4" fillId="0" borderId="1" xfId="4" applyNumberFormat="1" applyFont="1" applyBorder="1" applyAlignment="1">
      <alignment horizontal="center" vertical="center" wrapText="1" shrinkToFit="1"/>
    </xf>
    <xf numFmtId="178" fontId="4" fillId="0" borderId="2" xfId="4" applyNumberFormat="1" applyFont="1" applyBorder="1" applyAlignment="1">
      <alignment vertical="center" wrapText="1" shrinkToFit="1"/>
    </xf>
    <xf numFmtId="178" fontId="4" fillId="0" borderId="59" xfId="4" applyNumberFormat="1" applyFont="1" applyBorder="1" applyAlignment="1">
      <alignment vertical="center" shrinkToFit="1"/>
    </xf>
    <xf numFmtId="178" fontId="4" fillId="0" borderId="1" xfId="4" applyNumberFormat="1" applyFont="1" applyBorder="1" applyAlignment="1">
      <alignment horizontal="center" vertical="center"/>
    </xf>
    <xf numFmtId="178" fontId="4" fillId="0" borderId="60" xfId="4" applyNumberFormat="1" applyFont="1" applyBorder="1" applyAlignment="1">
      <alignment horizontal="center" vertical="center"/>
    </xf>
    <xf numFmtId="178" fontId="4" fillId="0" borderId="2" xfId="4" applyNumberFormat="1" applyFont="1" applyBorder="1" applyAlignment="1">
      <alignment horizontal="center" vertical="center"/>
    </xf>
    <xf numFmtId="178" fontId="4" fillId="0" borderId="59" xfId="4" applyNumberFormat="1" applyFont="1" applyBorder="1" applyAlignment="1">
      <alignment horizontal="center" vertical="center"/>
    </xf>
    <xf numFmtId="178" fontId="4" fillId="0" borderId="5" xfId="4" applyNumberFormat="1" applyFont="1" applyBorder="1" applyAlignment="1">
      <alignment horizontal="center" vertical="center"/>
    </xf>
    <xf numFmtId="178" fontId="4" fillId="0" borderId="61" xfId="4" applyNumberFormat="1" applyFont="1" applyBorder="1" applyAlignment="1">
      <alignment horizontal="center" vertical="center"/>
    </xf>
    <xf numFmtId="178" fontId="4" fillId="0" borderId="2" xfId="4" applyNumberFormat="1" applyFont="1" applyBorder="1" applyAlignment="1">
      <alignment horizontal="center" vertical="center" shrinkToFit="1"/>
    </xf>
    <xf numFmtId="178" fontId="4" fillId="0" borderId="59" xfId="4" applyNumberFormat="1" applyFont="1" applyBorder="1" applyAlignment="1">
      <alignment horizontal="center" vertical="center" shrinkToFit="1"/>
    </xf>
    <xf numFmtId="0" fontId="4" fillId="0" borderId="4" xfId="4" quotePrefix="1" applyFont="1" applyBorder="1" applyAlignment="1">
      <alignment horizontal="center" vertical="center" wrapText="1"/>
    </xf>
    <xf numFmtId="178" fontId="4" fillId="0" borderId="61" xfId="4" applyNumberFormat="1" applyFont="1" applyFill="1" applyBorder="1" applyAlignment="1">
      <alignment horizontal="distributed" vertical="center"/>
    </xf>
    <xf numFmtId="178" fontId="4" fillId="0" borderId="18" xfId="4" applyNumberFormat="1" applyFont="1" applyBorder="1" applyAlignment="1">
      <alignment horizontal="center" vertical="center"/>
    </xf>
    <xf numFmtId="178" fontId="4" fillId="0" borderId="0" xfId="4" applyNumberFormat="1" applyFont="1" applyBorder="1" applyAlignment="1">
      <alignment horizontal="center" vertical="center" shrinkToFit="1"/>
    </xf>
    <xf numFmtId="178" fontId="4" fillId="0" borderId="19" xfId="4" applyNumberFormat="1" applyFont="1" applyBorder="1" applyAlignment="1">
      <alignment horizontal="center" vertical="center"/>
    </xf>
    <xf numFmtId="178" fontId="4" fillId="0" borderId="21" xfId="4" applyNumberFormat="1" applyFont="1" applyBorder="1" applyAlignment="1">
      <alignment horizontal="center" vertical="center"/>
    </xf>
    <xf numFmtId="178" fontId="4" fillId="0" borderId="0" xfId="4" applyNumberFormat="1" applyFont="1" applyBorder="1" applyAlignment="1">
      <alignment horizontal="center" vertical="center"/>
    </xf>
    <xf numFmtId="178" fontId="4" fillId="0" borderId="36" xfId="4" applyNumberFormat="1" applyFont="1" applyBorder="1" applyAlignment="1">
      <alignment vertical="center" shrinkToFit="1"/>
    </xf>
    <xf numFmtId="178" fontId="4" fillId="0" borderId="22" xfId="4" applyNumberFormat="1" applyFont="1" applyBorder="1" applyAlignment="1">
      <alignment horizontal="center" vertical="center"/>
    </xf>
    <xf numFmtId="178" fontId="4" fillId="0" borderId="22" xfId="4" applyNumberFormat="1" applyFont="1" applyFill="1" applyBorder="1" applyAlignment="1">
      <alignment horizontal="distributed" vertical="center"/>
    </xf>
    <xf numFmtId="178" fontId="4" fillId="0" borderId="18" xfId="4" applyNumberFormat="1" applyFont="1" applyBorder="1" applyAlignment="1">
      <alignment horizontal="center" vertical="center" wrapText="1" shrinkToFit="1"/>
    </xf>
    <xf numFmtId="178" fontId="4" fillId="0" borderId="13" xfId="4" applyNumberFormat="1" applyFont="1" applyBorder="1" applyAlignment="1">
      <alignment vertical="center" wrapText="1" shrinkToFit="1"/>
    </xf>
    <xf numFmtId="178" fontId="4" fillId="0" borderId="51" xfId="4" applyNumberFormat="1" applyFont="1" applyBorder="1" applyAlignment="1">
      <alignment horizontal="center" vertical="center"/>
    </xf>
    <xf numFmtId="178" fontId="4" fillId="0" borderId="13" xfId="4" applyNumberFormat="1" applyFont="1" applyBorder="1" applyAlignment="1">
      <alignment horizontal="center" vertical="center"/>
    </xf>
    <xf numFmtId="178" fontId="4" fillId="0" borderId="16" xfId="4" applyNumberFormat="1" applyFont="1" applyBorder="1" applyAlignment="1">
      <alignment horizontal="center" vertical="center"/>
    </xf>
    <xf numFmtId="178" fontId="4" fillId="0" borderId="22" xfId="4" applyNumberFormat="1" applyFont="1" applyFill="1" applyBorder="1" applyAlignment="1">
      <alignment horizontal="centerContinuous" vertical="center"/>
    </xf>
    <xf numFmtId="178" fontId="4" fillId="0" borderId="9" xfId="4" applyNumberFormat="1" applyFont="1" applyBorder="1" applyAlignment="1">
      <alignment vertical="center"/>
    </xf>
    <xf numFmtId="178" fontId="4" fillId="0" borderId="0" xfId="4" applyNumberFormat="1" applyFont="1" applyBorder="1" applyAlignment="1">
      <alignment vertical="center"/>
    </xf>
    <xf numFmtId="178" fontId="4" fillId="0" borderId="75" xfId="4" applyNumberFormat="1" applyFont="1" applyBorder="1" applyAlignment="1">
      <alignment vertical="center"/>
    </xf>
    <xf numFmtId="178" fontId="4" fillId="0" borderId="62" xfId="4" applyNumberFormat="1" applyFont="1" applyBorder="1" applyAlignment="1">
      <alignment vertical="center"/>
    </xf>
    <xf numFmtId="178" fontId="4" fillId="0" borderId="34" xfId="4" applyNumberFormat="1" applyFont="1" applyBorder="1" applyAlignment="1">
      <alignment vertical="center"/>
    </xf>
    <xf numFmtId="178" fontId="4" fillId="0" borderId="9" xfId="4" applyNumberFormat="1" applyFont="1" applyBorder="1" applyAlignment="1">
      <alignment horizontal="left" vertical="center" wrapText="1"/>
    </xf>
    <xf numFmtId="178" fontId="4" fillId="0" borderId="70" xfId="4" applyNumberFormat="1" applyFont="1" applyFill="1" applyBorder="1" applyAlignment="1">
      <alignment horizontal="distributed" vertical="center"/>
    </xf>
    <xf numFmtId="178" fontId="2" fillId="0" borderId="0" xfId="4" applyNumberFormat="1" applyFont="1" applyAlignment="1">
      <alignment vertical="top"/>
    </xf>
    <xf numFmtId="178" fontId="2" fillId="0" borderId="59" xfId="4" applyNumberFormat="1" applyFont="1" applyBorder="1" applyAlignment="1">
      <alignment horizontal="right" vertical="top"/>
    </xf>
    <xf numFmtId="178" fontId="2" fillId="0" borderId="59" xfId="4" applyNumberFormat="1" applyFont="1" applyBorder="1" applyAlignment="1">
      <alignment vertical="top"/>
    </xf>
    <xf numFmtId="178" fontId="2" fillId="0" borderId="0" xfId="4" applyNumberFormat="1" applyFont="1" applyBorder="1" applyAlignment="1">
      <alignment vertical="top"/>
    </xf>
    <xf numFmtId="178" fontId="11" fillId="0" borderId="0" xfId="4" applyNumberFormat="1" applyFont="1" applyAlignment="1">
      <alignment vertical="top"/>
    </xf>
    <xf numFmtId="178" fontId="1" fillId="0" borderId="0" xfId="4" applyNumberFormat="1" applyFont="1" applyAlignment="1">
      <alignment vertical="top"/>
    </xf>
    <xf numFmtId="178" fontId="2" fillId="0" borderId="0" xfId="4" applyNumberFormat="1" applyFont="1"/>
    <xf numFmtId="178" fontId="12" fillId="0" borderId="0" xfId="4" applyNumberFormat="1" applyFont="1" applyAlignment="1">
      <alignment vertical="center"/>
    </xf>
    <xf numFmtId="176" fontId="2" fillId="0" borderId="0" xfId="4" applyNumberFormat="1" applyFont="1" applyAlignment="1">
      <alignment vertical="center"/>
    </xf>
    <xf numFmtId="180" fontId="2" fillId="0" borderId="0" xfId="4" applyNumberFormat="1" applyFont="1" applyAlignment="1">
      <alignment vertical="center"/>
    </xf>
    <xf numFmtId="181" fontId="2" fillId="0" borderId="0" xfId="4" applyNumberFormat="1" applyFont="1" applyAlignment="1">
      <alignment vertical="center"/>
    </xf>
    <xf numFmtId="180" fontId="2" fillId="0" borderId="0" xfId="4" applyNumberFormat="1" applyFont="1" applyAlignment="1"/>
    <xf numFmtId="181" fontId="2" fillId="0" borderId="0" xfId="4" applyNumberFormat="1" applyFont="1" applyAlignment="1"/>
    <xf numFmtId="176" fontId="2" fillId="0" borderId="0" xfId="4" applyNumberFormat="1" applyFont="1" applyAlignment="1">
      <alignment horizontal="left"/>
    </xf>
    <xf numFmtId="176" fontId="4" fillId="0" borderId="31" xfId="4" applyNumberFormat="1" applyFont="1" applyBorder="1" applyAlignment="1">
      <alignment horizontal="right" vertical="center"/>
    </xf>
    <xf numFmtId="176" fontId="4" fillId="0" borderId="32" xfId="4" applyNumberFormat="1" applyFont="1" applyBorder="1" applyAlignment="1">
      <alignment horizontal="right" vertical="center"/>
    </xf>
    <xf numFmtId="178" fontId="2" fillId="0" borderId="4" xfId="4" applyNumberFormat="1" applyFont="1" applyBorder="1" applyAlignment="1">
      <alignment horizontal="right" vertical="center"/>
    </xf>
    <xf numFmtId="176" fontId="2" fillId="0" borderId="32" xfId="4" applyNumberFormat="1" applyFont="1" applyBorder="1" applyAlignment="1">
      <alignment vertical="center"/>
    </xf>
    <xf numFmtId="176" fontId="2" fillId="0" borderId="31" xfId="4" applyNumberFormat="1" applyFont="1" applyBorder="1" applyAlignment="1">
      <alignment vertical="center"/>
    </xf>
    <xf numFmtId="180" fontId="2" fillId="0" borderId="29" xfId="4" applyNumberFormat="1" applyFont="1" applyBorder="1" applyAlignment="1">
      <alignment vertical="center"/>
    </xf>
    <xf numFmtId="176" fontId="2" fillId="0" borderId="31" xfId="4" applyNumberFormat="1" applyFont="1" applyBorder="1" applyAlignment="1">
      <alignment horizontal="right" vertical="center"/>
    </xf>
    <xf numFmtId="178" fontId="2" fillId="0" borderId="52" xfId="4" applyNumberFormat="1" applyFont="1" applyBorder="1" applyAlignment="1">
      <alignment horizontal="right" vertical="center"/>
    </xf>
    <xf numFmtId="178" fontId="2" fillId="0" borderId="61" xfId="4" applyNumberFormat="1" applyFont="1" applyBorder="1" applyAlignment="1">
      <alignment horizontal="right" vertical="center"/>
    </xf>
    <xf numFmtId="181" fontId="2" fillId="0" borderId="60" xfId="4" applyNumberFormat="1" applyFont="1" applyBorder="1" applyAlignment="1">
      <alignment vertical="center"/>
    </xf>
    <xf numFmtId="178" fontId="2" fillId="0" borderId="71" xfId="4" applyNumberFormat="1" applyFont="1" applyBorder="1" applyAlignment="1">
      <alignment horizontal="right" vertical="center"/>
    </xf>
    <xf numFmtId="176" fontId="2" fillId="0" borderId="61" xfId="4" applyNumberFormat="1" applyFont="1" applyBorder="1" applyAlignment="1">
      <alignment horizontal="center" vertical="center"/>
    </xf>
    <xf numFmtId="178" fontId="2" fillId="0" borderId="32" xfId="4" applyNumberFormat="1" applyFont="1" applyBorder="1" applyAlignment="1">
      <alignment horizontal="right" vertical="center"/>
    </xf>
    <xf numFmtId="176" fontId="2" fillId="0" borderId="76" xfId="4" applyNumberFormat="1" applyFont="1" applyBorder="1" applyAlignment="1">
      <alignment vertical="center"/>
    </xf>
    <xf numFmtId="176" fontId="2" fillId="0" borderId="73" xfId="4" applyNumberFormat="1" applyFont="1" applyBorder="1" applyAlignment="1">
      <alignment horizontal="right" vertical="center"/>
    </xf>
    <xf numFmtId="178" fontId="2" fillId="0" borderId="75" xfId="4" applyNumberFormat="1" applyFont="1" applyBorder="1" applyAlignment="1">
      <alignment horizontal="right" vertical="center"/>
    </xf>
    <xf numFmtId="178" fontId="2" fillId="0" borderId="34" xfId="4" applyNumberFormat="1" applyFont="1" applyBorder="1" applyAlignment="1">
      <alignment horizontal="right" vertical="center"/>
    </xf>
    <xf numFmtId="181" fontId="2" fillId="0" borderId="30" xfId="4" applyNumberFormat="1" applyFont="1" applyBorder="1" applyAlignment="1">
      <alignment vertical="center"/>
    </xf>
    <xf numFmtId="176" fontId="2" fillId="0" borderId="3" xfId="4" applyNumberFormat="1" applyFont="1" applyBorder="1" applyAlignment="1">
      <alignment horizontal="right" vertical="center"/>
    </xf>
    <xf numFmtId="176" fontId="2" fillId="0" borderId="67" xfId="4" applyNumberFormat="1" applyFont="1" applyBorder="1" applyAlignment="1">
      <alignment horizontal="right" vertical="center"/>
    </xf>
    <xf numFmtId="180" fontId="2" fillId="0" borderId="72" xfId="4" applyNumberFormat="1" applyFont="1" applyBorder="1" applyAlignment="1">
      <alignment horizontal="right" vertical="center"/>
    </xf>
    <xf numFmtId="176" fontId="2" fillId="0" borderId="20" xfId="4" applyNumberFormat="1" applyFont="1" applyBorder="1" applyAlignment="1">
      <alignment horizontal="right" vertical="center"/>
    </xf>
    <xf numFmtId="178" fontId="2" fillId="0" borderId="53" xfId="4" applyNumberFormat="1" applyFont="1" applyBorder="1" applyAlignment="1">
      <alignment horizontal="right" vertical="center"/>
    </xf>
    <xf numFmtId="178" fontId="2" fillId="0" borderId="22" xfId="4" applyNumberFormat="1" applyFont="1" applyBorder="1" applyAlignment="1">
      <alignment horizontal="right" vertical="center"/>
    </xf>
    <xf numFmtId="181" fontId="2" fillId="0" borderId="65" xfId="4" applyNumberFormat="1" applyFont="1" applyBorder="1" applyAlignment="1">
      <alignment horizontal="right" vertical="center"/>
    </xf>
    <xf numFmtId="176" fontId="2" fillId="0" borderId="25" xfId="4" applyNumberFormat="1" applyFont="1" applyBorder="1" applyAlignment="1">
      <alignment horizontal="right" vertical="center"/>
    </xf>
    <xf numFmtId="178" fontId="2" fillId="0" borderId="26" xfId="4" applyNumberFormat="1" applyFont="1" applyBorder="1" applyAlignment="1">
      <alignment horizontal="right" vertical="center"/>
    </xf>
    <xf numFmtId="176" fontId="2" fillId="0" borderId="39" xfId="4" applyNumberFormat="1" applyFont="1" applyBorder="1" applyAlignment="1">
      <alignment horizontal="right" vertical="center"/>
    </xf>
    <xf numFmtId="180" fontId="2" fillId="0" borderId="37" xfId="4" applyNumberFormat="1" applyFont="1" applyBorder="1" applyAlignment="1">
      <alignment horizontal="right" vertical="center"/>
    </xf>
    <xf numFmtId="176" fontId="2" fillId="0" borderId="49" xfId="4" applyNumberFormat="1" applyFont="1" applyBorder="1" applyAlignment="1">
      <alignment horizontal="right" vertical="center"/>
    </xf>
    <xf numFmtId="178" fontId="2" fillId="0" borderId="77" xfId="4" applyNumberFormat="1" applyFont="1" applyBorder="1" applyAlignment="1">
      <alignment horizontal="right" vertical="center"/>
    </xf>
    <xf numFmtId="178" fontId="2" fillId="0" borderId="28" xfId="4" applyNumberFormat="1" applyFont="1" applyBorder="1" applyAlignment="1">
      <alignment horizontal="right" vertical="center"/>
    </xf>
    <xf numFmtId="181" fontId="2" fillId="0" borderId="38" xfId="4" applyNumberFormat="1" applyFont="1" applyBorder="1" applyAlignment="1">
      <alignment horizontal="right" vertical="center"/>
    </xf>
    <xf numFmtId="178" fontId="2" fillId="0" borderId="46" xfId="4" applyNumberFormat="1" applyFont="1" applyBorder="1" applyAlignment="1">
      <alignment horizontal="right" vertical="center"/>
    </xf>
    <xf numFmtId="176" fontId="2" fillId="0" borderId="46" xfId="4" applyNumberFormat="1" applyFont="1" applyBorder="1" applyAlignment="1">
      <alignment horizontal="right" vertical="center"/>
    </xf>
    <xf numFmtId="180" fontId="2" fillId="0" borderId="43" xfId="4" applyNumberFormat="1" applyFont="1" applyBorder="1" applyAlignment="1">
      <alignment horizontal="right" vertical="center"/>
    </xf>
    <xf numFmtId="176" fontId="2" fillId="0" borderId="50" xfId="4" applyNumberFormat="1" applyFont="1" applyBorder="1" applyAlignment="1">
      <alignment horizontal="right" vertical="center"/>
    </xf>
    <xf numFmtId="180" fontId="2" fillId="0" borderId="23" xfId="4" applyNumberFormat="1" applyFont="1" applyBorder="1" applyAlignment="1">
      <alignment horizontal="right" vertical="center"/>
    </xf>
    <xf numFmtId="181" fontId="2" fillId="0" borderId="24" xfId="4" applyNumberFormat="1" applyFont="1" applyBorder="1" applyAlignment="1">
      <alignment horizontal="right" vertical="center"/>
    </xf>
    <xf numFmtId="178" fontId="2" fillId="0" borderId="11" xfId="4" applyNumberFormat="1" applyFont="1" applyBorder="1" applyAlignment="1">
      <alignment horizontal="right" vertical="center"/>
    </xf>
    <xf numFmtId="180" fontId="2" fillId="0" borderId="12" xfId="4" applyNumberFormat="1" applyFont="1" applyBorder="1" applyAlignment="1">
      <alignment horizontal="right" vertical="center"/>
    </xf>
    <xf numFmtId="176" fontId="2" fillId="0" borderId="16" xfId="4" applyNumberFormat="1" applyFont="1" applyBorder="1" applyAlignment="1">
      <alignment horizontal="right" vertical="center"/>
    </xf>
    <xf numFmtId="178" fontId="2" fillId="0" borderId="5" xfId="4" applyNumberFormat="1" applyFont="1" applyBorder="1" applyAlignment="1">
      <alignment horizontal="right" vertical="center"/>
    </xf>
    <xf numFmtId="178" fontId="2" fillId="0" borderId="74" xfId="4" applyNumberFormat="1" applyFont="1" applyBorder="1" applyAlignment="1">
      <alignment horizontal="right" vertical="center"/>
    </xf>
    <xf numFmtId="176" fontId="2" fillId="0" borderId="74" xfId="4" applyNumberFormat="1" applyFont="1" applyBorder="1" applyAlignment="1">
      <alignment horizontal="right" vertical="center"/>
    </xf>
    <xf numFmtId="176" fontId="2" fillId="0" borderId="45" xfId="4" applyNumberFormat="1" applyFont="1" applyBorder="1" applyAlignment="1">
      <alignment horizontal="right" vertical="center"/>
    </xf>
    <xf numFmtId="178" fontId="2" fillId="0" borderId="76" xfId="4" applyNumberFormat="1" applyFont="1" applyBorder="1" applyAlignment="1">
      <alignment horizontal="right" vertical="center"/>
    </xf>
    <xf numFmtId="178" fontId="2" fillId="0" borderId="50" xfId="4" applyNumberFormat="1" applyFont="1" applyBorder="1" applyAlignment="1">
      <alignment horizontal="right" vertical="center"/>
    </xf>
    <xf numFmtId="176" fontId="2" fillId="0" borderId="43" xfId="4" applyNumberFormat="1" applyFont="1" applyBorder="1" applyAlignment="1">
      <alignment horizontal="right" vertical="center"/>
    </xf>
    <xf numFmtId="176" fontId="2" fillId="0" borderId="47" xfId="4" applyNumberFormat="1" applyFont="1" applyBorder="1" applyAlignment="1">
      <alignment horizontal="right" vertical="center"/>
    </xf>
    <xf numFmtId="176" fontId="4" fillId="0" borderId="34" xfId="4" applyNumberFormat="1" applyFont="1" applyBorder="1" applyAlignment="1">
      <alignment horizontal="right" vertical="center"/>
    </xf>
    <xf numFmtId="176" fontId="2" fillId="0" borderId="76" xfId="4" applyNumberFormat="1" applyFont="1" applyBorder="1" applyAlignment="1">
      <alignment horizontal="right" vertical="center"/>
    </xf>
    <xf numFmtId="180" fontId="2" fillId="0" borderId="18" xfId="4" applyNumberFormat="1" applyFont="1" applyBorder="1" applyAlignment="1">
      <alignment horizontal="right" vertical="center"/>
    </xf>
    <xf numFmtId="176" fontId="2" fillId="0" borderId="36" xfId="4" applyNumberFormat="1" applyFont="1" applyBorder="1" applyAlignment="1">
      <alignment horizontal="right" vertical="center"/>
    </xf>
    <xf numFmtId="180" fontId="2" fillId="0" borderId="29" xfId="4" applyNumberFormat="1" applyFont="1" applyBorder="1" applyAlignment="1">
      <alignment horizontal="right" vertical="center"/>
    </xf>
    <xf numFmtId="181" fontId="2" fillId="0" borderId="30" xfId="4" applyNumberFormat="1" applyFont="1" applyBorder="1" applyAlignment="1">
      <alignment horizontal="right" vertical="center"/>
    </xf>
    <xf numFmtId="178" fontId="2" fillId="0" borderId="63" xfId="4" applyNumberFormat="1" applyFont="1" applyBorder="1" applyAlignment="1">
      <alignment horizontal="right" vertical="center"/>
    </xf>
    <xf numFmtId="176" fontId="2" fillId="0" borderId="73" xfId="4" applyNumberFormat="1" applyFont="1" applyFill="1" applyBorder="1" applyAlignment="1">
      <alignment horizontal="right" vertical="center"/>
    </xf>
    <xf numFmtId="178" fontId="2" fillId="0" borderId="78" xfId="4" applyNumberFormat="1" applyFont="1" applyBorder="1" applyAlignment="1">
      <alignment horizontal="right" vertical="center"/>
    </xf>
    <xf numFmtId="178" fontId="2" fillId="0" borderId="73" xfId="4" applyNumberFormat="1" applyFont="1" applyBorder="1" applyAlignment="1">
      <alignment horizontal="right" vertical="center"/>
    </xf>
    <xf numFmtId="178" fontId="2" fillId="0" borderId="40" xfId="4" applyNumberFormat="1" applyFont="1" applyBorder="1" applyAlignment="1">
      <alignment horizontal="right" vertical="center"/>
    </xf>
    <xf numFmtId="178" fontId="2" fillId="0" borderId="79" xfId="4" applyNumberFormat="1" applyFont="1" applyBorder="1" applyAlignment="1">
      <alignment horizontal="right" vertical="center"/>
    </xf>
    <xf numFmtId="178" fontId="2" fillId="0" borderId="49" xfId="4" applyNumberFormat="1" applyFont="1" applyBorder="1" applyAlignment="1">
      <alignment horizontal="right" vertical="center"/>
    </xf>
    <xf numFmtId="176" fontId="2" fillId="0" borderId="49" xfId="4" applyNumberFormat="1" applyFont="1" applyFill="1" applyBorder="1" applyAlignment="1">
      <alignment horizontal="right" vertical="center"/>
    </xf>
    <xf numFmtId="176" fontId="2" fillId="0" borderId="50" xfId="4" applyNumberFormat="1" applyFont="1" applyFill="1" applyBorder="1" applyAlignment="1">
      <alignment horizontal="right" vertical="center"/>
    </xf>
    <xf numFmtId="176" fontId="2" fillId="0" borderId="14" xfId="4" applyNumberFormat="1" applyFont="1" applyBorder="1" applyAlignment="1">
      <alignment horizontal="right" vertical="center"/>
    </xf>
    <xf numFmtId="176" fontId="2" fillId="0" borderId="45" xfId="4" applyNumberFormat="1" applyFont="1" applyFill="1" applyBorder="1" applyAlignment="1">
      <alignment horizontal="right" vertical="center"/>
    </xf>
    <xf numFmtId="178" fontId="2" fillId="0" borderId="15" xfId="4" applyNumberFormat="1" applyFont="1" applyBorder="1" applyAlignment="1">
      <alignment horizontal="right" vertical="center"/>
    </xf>
    <xf numFmtId="176" fontId="2" fillId="2" borderId="42" xfId="4" applyNumberFormat="1" applyFont="1" applyFill="1" applyBorder="1" applyAlignment="1">
      <alignment horizontal="distributed" vertical="center"/>
    </xf>
    <xf numFmtId="180" fontId="2" fillId="0" borderId="6" xfId="4" applyNumberFormat="1" applyFont="1" applyBorder="1" applyAlignment="1">
      <alignment horizontal="right" vertical="center"/>
    </xf>
    <xf numFmtId="181" fontId="2" fillId="0" borderId="57" xfId="4" applyNumberFormat="1" applyFont="1" applyBorder="1" applyAlignment="1">
      <alignment horizontal="right" vertical="center"/>
    </xf>
    <xf numFmtId="176" fontId="2" fillId="2" borderId="28" xfId="4" applyNumberFormat="1" applyFont="1" applyFill="1" applyBorder="1" applyAlignment="1">
      <alignment horizontal="distributed" vertical="center"/>
    </xf>
    <xf numFmtId="176" fontId="2" fillId="0" borderId="3" xfId="4" applyNumberFormat="1" applyFont="1" applyBorder="1" applyAlignment="1">
      <alignment horizontal="center" vertical="center" wrapText="1"/>
    </xf>
    <xf numFmtId="176" fontId="2" fillId="0" borderId="4" xfId="4" applyNumberFormat="1" applyFont="1" applyBorder="1" applyAlignment="1">
      <alignment horizontal="center" vertical="center"/>
    </xf>
    <xf numFmtId="176" fontId="2" fillId="0" borderId="4" xfId="4" applyNumberFormat="1" applyFont="1" applyBorder="1" applyAlignment="1">
      <alignment horizontal="distributed" vertical="center"/>
    </xf>
    <xf numFmtId="176" fontId="5" fillId="0" borderId="52" xfId="4" quotePrefix="1" applyNumberFormat="1" applyFont="1" applyBorder="1" applyAlignment="1">
      <alignment horizontal="center" vertical="center"/>
    </xf>
    <xf numFmtId="176" fontId="5" fillId="0" borderId="59" xfId="4" quotePrefix="1" applyNumberFormat="1" applyFont="1" applyBorder="1" applyAlignment="1">
      <alignment horizontal="center" vertical="center"/>
    </xf>
    <xf numFmtId="180" fontId="5" fillId="0" borderId="1" xfId="4" applyNumberFormat="1" applyFont="1" applyBorder="1" applyAlignment="1">
      <alignment horizontal="right" vertical="center" wrapText="1"/>
    </xf>
    <xf numFmtId="176" fontId="2" fillId="0" borderId="5" xfId="4" applyNumberFormat="1" applyFont="1" applyBorder="1" applyAlignment="1">
      <alignment vertical="center"/>
    </xf>
    <xf numFmtId="176" fontId="2" fillId="0" borderId="5" xfId="4" applyNumberFormat="1" applyFont="1" applyBorder="1" applyAlignment="1">
      <alignment horizontal="distributed" vertical="center"/>
    </xf>
    <xf numFmtId="176" fontId="2" fillId="0" borderId="5" xfId="4" applyNumberFormat="1" applyFont="1" applyBorder="1" applyAlignment="1">
      <alignment vertical="center" shrinkToFit="1"/>
    </xf>
    <xf numFmtId="180" fontId="2" fillId="0" borderId="3" xfId="4" applyNumberFormat="1" applyFont="1" applyBorder="1" applyAlignment="1">
      <alignment horizontal="center" vertical="center" wrapText="1"/>
    </xf>
    <xf numFmtId="176" fontId="5" fillId="0" borderId="4" xfId="4" quotePrefix="1" applyNumberFormat="1" applyFont="1" applyBorder="1" applyAlignment="1">
      <alignment horizontal="center" vertical="center" wrapText="1"/>
    </xf>
    <xf numFmtId="181" fontId="5" fillId="0" borderId="1" xfId="4" applyNumberFormat="1" applyFont="1" applyBorder="1" applyAlignment="1">
      <alignment horizontal="right" vertical="center" wrapText="1"/>
    </xf>
    <xf numFmtId="176" fontId="2" fillId="0" borderId="61" xfId="4" applyNumberFormat="1" applyFont="1" applyBorder="1" applyAlignment="1">
      <alignment horizontal="distributed" vertical="center"/>
    </xf>
    <xf numFmtId="181" fontId="5" fillId="0" borderId="60" xfId="4" applyNumberFormat="1" applyFont="1" applyBorder="1" applyAlignment="1">
      <alignment horizontal="right" vertical="center" wrapText="1"/>
    </xf>
    <xf numFmtId="176" fontId="2" fillId="0" borderId="20" xfId="4" applyNumberFormat="1" applyFont="1" applyBorder="1" applyAlignment="1">
      <alignment horizontal="center" vertical="center" shrinkToFit="1"/>
    </xf>
    <xf numFmtId="176" fontId="2" fillId="0" borderId="11" xfId="4" applyNumberFormat="1" applyFont="1" applyBorder="1" applyAlignment="1">
      <alignment horizontal="center" vertical="center"/>
    </xf>
    <xf numFmtId="176" fontId="2" fillId="0" borderId="11" xfId="4" applyNumberFormat="1" applyFont="1" applyBorder="1" applyAlignment="1">
      <alignment horizontal="distributed" vertical="center" shrinkToFit="1"/>
    </xf>
    <xf numFmtId="176" fontId="2" fillId="0" borderId="11" xfId="4" applyNumberFormat="1" applyFont="1" applyBorder="1" applyAlignment="1">
      <alignment horizontal="distributed" vertical="center"/>
    </xf>
    <xf numFmtId="176" fontId="2" fillId="0" borderId="0" xfId="4" applyNumberFormat="1" applyFont="1" applyBorder="1" applyAlignment="1">
      <alignment horizontal="distributed" vertical="center"/>
    </xf>
    <xf numFmtId="180" fontId="2" fillId="0" borderId="18" xfId="4" applyNumberFormat="1" applyFont="1" applyBorder="1" applyAlignment="1">
      <alignment horizontal="center" vertical="center" shrinkToFit="1"/>
    </xf>
    <xf numFmtId="176" fontId="2" fillId="0" borderId="36" xfId="4" applyNumberFormat="1" applyFont="1" applyBorder="1" applyAlignment="1">
      <alignment horizontal="distributed" vertical="center" shrinkToFit="1"/>
    </xf>
    <xf numFmtId="176" fontId="2" fillId="0" borderId="36" xfId="4" applyNumberFormat="1" applyFont="1" applyBorder="1" applyAlignment="1">
      <alignment horizontal="distributed" vertical="center"/>
    </xf>
    <xf numFmtId="180" fontId="2" fillId="0" borderId="22" xfId="4" applyNumberFormat="1" applyFont="1" applyBorder="1" applyAlignment="1">
      <alignment horizontal="distributed" vertical="center"/>
    </xf>
    <xf numFmtId="176" fontId="2" fillId="0" borderId="11" xfId="4" applyNumberFormat="1" applyFont="1" applyBorder="1" applyAlignment="1">
      <alignment horizontal="distributed" vertical="center" wrapText="1"/>
    </xf>
    <xf numFmtId="180" fontId="2" fillId="0" borderId="18" xfId="4" applyNumberFormat="1" applyFont="1" applyBorder="1" applyAlignment="1">
      <alignment horizontal="center" vertical="center"/>
    </xf>
    <xf numFmtId="176" fontId="2" fillId="0" borderId="22" xfId="4" applyNumberFormat="1" applyFont="1" applyBorder="1" applyAlignment="1">
      <alignment horizontal="distributed" vertical="center"/>
    </xf>
    <xf numFmtId="181" fontId="2" fillId="0" borderId="19" xfId="4" applyNumberFormat="1" applyFont="1" applyBorder="1" applyAlignment="1">
      <alignment horizontal="center" vertical="center"/>
    </xf>
    <xf numFmtId="176" fontId="2" fillId="0" borderId="22" xfId="4" applyNumberFormat="1" applyFont="1" applyFill="1" applyBorder="1" applyAlignment="1">
      <alignment horizontal="distributed" vertical="center"/>
    </xf>
    <xf numFmtId="176" fontId="2" fillId="0" borderId="11" xfId="4" applyNumberFormat="1" applyFont="1" applyBorder="1" applyAlignment="1">
      <alignment horizontal="center" vertical="center" shrinkToFit="1"/>
    </xf>
    <xf numFmtId="180" fontId="2" fillId="0" borderId="76" xfId="4" applyNumberFormat="1" applyFont="1" applyBorder="1" applyAlignment="1">
      <alignment vertical="center" shrinkToFit="1"/>
    </xf>
    <xf numFmtId="0" fontId="2" fillId="0" borderId="70" xfId="4" applyFont="1" applyBorder="1" applyAlignment="1">
      <alignment vertical="center"/>
    </xf>
    <xf numFmtId="180" fontId="2" fillId="0" borderId="76" xfId="4" applyNumberFormat="1" applyFont="1" applyBorder="1" applyAlignment="1">
      <alignment horizontal="distributed" vertical="center"/>
    </xf>
    <xf numFmtId="176" fontId="2" fillId="0" borderId="70" xfId="4" applyNumberFormat="1" applyFont="1" applyBorder="1" applyAlignment="1">
      <alignment vertical="center"/>
    </xf>
    <xf numFmtId="180" fontId="2" fillId="0" borderId="76" xfId="4" applyNumberFormat="1" applyFont="1" applyBorder="1" applyAlignment="1">
      <alignment horizontal="center" vertical="center"/>
    </xf>
    <xf numFmtId="180" fontId="2" fillId="0" borderId="70" xfId="4" applyNumberFormat="1" applyFont="1" applyBorder="1" applyAlignment="1">
      <alignment vertical="center" shrinkToFit="1"/>
    </xf>
    <xf numFmtId="181" fontId="2" fillId="0" borderId="76" xfId="4" applyNumberFormat="1" applyFont="1" applyBorder="1" applyAlignment="1">
      <alignment horizontal="distributed" vertical="center"/>
    </xf>
    <xf numFmtId="176" fontId="2" fillId="0" borderId="70" xfId="4" applyNumberFormat="1" applyFont="1" applyFill="1" applyBorder="1" applyAlignment="1">
      <alignment vertical="center"/>
    </xf>
    <xf numFmtId="176" fontId="2" fillId="0" borderId="20" xfId="4" applyNumberFormat="1" applyFont="1" applyBorder="1" applyAlignment="1">
      <alignment horizontal="center" vertical="center" wrapText="1"/>
    </xf>
    <xf numFmtId="176" fontId="2" fillId="0" borderId="53" xfId="4" applyNumberFormat="1" applyFont="1" applyBorder="1" applyAlignment="1">
      <alignment horizontal="center" vertical="center"/>
    </xf>
    <xf numFmtId="176" fontId="2" fillId="0" borderId="11" xfId="4" applyNumberFormat="1" applyFont="1" applyBorder="1" applyAlignment="1">
      <alignment vertical="center"/>
    </xf>
    <xf numFmtId="176" fontId="2" fillId="0" borderId="53" xfId="4" applyNumberFormat="1" applyFont="1" applyBorder="1" applyAlignment="1">
      <alignment vertical="center"/>
    </xf>
    <xf numFmtId="180" fontId="2" fillId="0" borderId="56" xfId="4" applyNumberFormat="1" applyFont="1" applyBorder="1" applyAlignment="1">
      <alignment horizontal="left" vertical="center"/>
    </xf>
    <xf numFmtId="180" fontId="2" fillId="0" borderId="56" xfId="4" applyNumberFormat="1" applyFont="1" applyBorder="1" applyAlignment="1">
      <alignment horizontal="distributed" vertical="center"/>
    </xf>
    <xf numFmtId="176" fontId="2" fillId="0" borderId="56" xfId="4" applyNumberFormat="1" applyFont="1" applyBorder="1" applyAlignment="1">
      <alignment horizontal="center" vertical="center"/>
    </xf>
    <xf numFmtId="180" fontId="2" fillId="2" borderId="55" xfId="4" applyNumberFormat="1" applyFont="1" applyFill="1" applyBorder="1" applyAlignment="1">
      <alignment horizontal="left" vertical="center"/>
    </xf>
    <xf numFmtId="180" fontId="2" fillId="2" borderId="56" xfId="4" applyNumberFormat="1" applyFont="1" applyFill="1" applyBorder="1" applyAlignment="1">
      <alignment horizontal="left" vertical="center"/>
    </xf>
    <xf numFmtId="176" fontId="2" fillId="2" borderId="70" xfId="4" applyNumberFormat="1" applyFont="1" applyFill="1" applyBorder="1" applyAlignment="1">
      <alignment horizontal="left" vertical="center"/>
    </xf>
    <xf numFmtId="176" fontId="2" fillId="0" borderId="75" xfId="4" applyNumberFormat="1" applyFont="1" applyBorder="1" applyAlignment="1">
      <alignment horizontal="center" vertical="center"/>
    </xf>
    <xf numFmtId="176" fontId="2" fillId="0" borderId="62" xfId="4" applyNumberFormat="1" applyFont="1" applyBorder="1" applyAlignment="1">
      <alignment horizontal="center" vertical="center"/>
    </xf>
    <xf numFmtId="176" fontId="2" fillId="0" borderId="70" xfId="4" applyNumberFormat="1" applyFont="1" applyBorder="1" applyAlignment="1">
      <alignment horizontal="center" vertical="center"/>
    </xf>
    <xf numFmtId="176" fontId="2" fillId="0" borderId="9" xfId="4" applyNumberFormat="1" applyFont="1" applyBorder="1" applyAlignment="1">
      <alignment horizontal="center" vertical="center"/>
    </xf>
    <xf numFmtId="176" fontId="2" fillId="0" borderId="55" xfId="4" applyNumberFormat="1" applyFont="1" applyBorder="1" applyAlignment="1">
      <alignment horizontal="center" vertical="center"/>
    </xf>
    <xf numFmtId="176" fontId="2" fillId="0" borderId="0" xfId="4" applyNumberFormat="1" applyFont="1" applyAlignment="1">
      <alignment horizontal="right" vertical="top"/>
    </xf>
    <xf numFmtId="180" fontId="2" fillId="0" borderId="0" xfId="4" applyNumberFormat="1" applyFont="1" applyAlignment="1">
      <alignment vertical="top"/>
    </xf>
    <xf numFmtId="176" fontId="2" fillId="0" borderId="0" xfId="4" applyNumberFormat="1" applyFont="1" applyBorder="1" applyAlignment="1">
      <alignment vertical="top"/>
    </xf>
    <xf numFmtId="181" fontId="2" fillId="0" borderId="0" xfId="4" applyNumberFormat="1" applyFont="1" applyBorder="1" applyAlignment="1">
      <alignment vertical="top"/>
    </xf>
    <xf numFmtId="176" fontId="11" fillId="0" borderId="0" xfId="4" applyNumberFormat="1" applyFont="1" applyAlignment="1">
      <alignment vertical="top"/>
    </xf>
    <xf numFmtId="176" fontId="1" fillId="0" borderId="0" xfId="4" applyNumberFormat="1" applyFont="1" applyAlignment="1">
      <alignment vertical="top"/>
    </xf>
    <xf numFmtId="180" fontId="2" fillId="0" borderId="0" xfId="4" applyNumberFormat="1" applyFont="1"/>
    <xf numFmtId="180" fontId="12" fillId="0" borderId="0" xfId="4" applyNumberFormat="1" applyFont="1" applyAlignment="1">
      <alignment vertical="center"/>
    </xf>
    <xf numFmtId="176" fontId="12" fillId="0" borderId="0" xfId="4" applyNumberFormat="1" applyFont="1" applyAlignment="1">
      <alignment vertical="center"/>
    </xf>
    <xf numFmtId="181" fontId="12" fillId="0" borderId="0" xfId="4" applyNumberFormat="1" applyFont="1" applyAlignment="1">
      <alignment vertical="center"/>
    </xf>
    <xf numFmtId="180" fontId="2" fillId="0" borderId="0" xfId="4" applyNumberFormat="1" applyFont="1" applyAlignment="1">
      <alignment horizontal="center" vertical="center"/>
    </xf>
    <xf numFmtId="180" fontId="14" fillId="0" borderId="0" xfId="4" applyNumberFormat="1" applyFont="1" applyAlignment="1">
      <alignment vertical="center"/>
    </xf>
    <xf numFmtId="176" fontId="14" fillId="0" borderId="0" xfId="4" applyNumberFormat="1" applyFont="1" applyAlignment="1">
      <alignment vertical="center"/>
    </xf>
    <xf numFmtId="181" fontId="14" fillId="0" borderId="0" xfId="4" applyNumberFormat="1" applyFont="1" applyAlignment="1">
      <alignment vertical="center"/>
    </xf>
    <xf numFmtId="176" fontId="2" fillId="0" borderId="0" xfId="4" applyNumberFormat="1" applyFont="1" applyFill="1" applyAlignment="1">
      <alignment vertical="center"/>
    </xf>
    <xf numFmtId="180" fontId="2" fillId="0" borderId="0" xfId="4" applyNumberFormat="1" applyFont="1" applyFill="1" applyAlignment="1">
      <alignment vertical="center"/>
    </xf>
    <xf numFmtId="176" fontId="2" fillId="0" borderId="0" xfId="4" applyNumberFormat="1" applyFont="1" applyFill="1" applyAlignment="1">
      <alignment horizontal="center" vertical="center"/>
    </xf>
    <xf numFmtId="176" fontId="2" fillId="0" borderId="0" xfId="4" applyNumberFormat="1" applyFont="1" applyFill="1" applyAlignment="1">
      <alignment horizontal="distributed" vertical="center"/>
    </xf>
    <xf numFmtId="176" fontId="2" fillId="0" borderId="0" xfId="4" applyNumberFormat="1" applyFont="1" applyFill="1" applyAlignment="1" applyProtection="1">
      <alignment horizontal="distributed" vertical="center"/>
      <protection locked="0"/>
    </xf>
    <xf numFmtId="178" fontId="2" fillId="0" borderId="0" xfId="4" applyNumberFormat="1" applyFont="1" applyFill="1" applyAlignment="1">
      <alignment vertical="center"/>
    </xf>
    <xf numFmtId="178" fontId="2" fillId="0" borderId="0" xfId="4" applyNumberFormat="1" applyFont="1" applyFill="1" applyAlignment="1">
      <alignment horizontal="center" vertical="center"/>
    </xf>
    <xf numFmtId="178" fontId="2" fillId="0" borderId="0" xfId="4" applyNumberFormat="1" applyFont="1" applyFill="1" applyAlignment="1">
      <alignment horizontal="distributed" vertical="center"/>
    </xf>
    <xf numFmtId="178" fontId="2" fillId="0" borderId="72" xfId="4" applyNumberFormat="1" applyFont="1" applyFill="1" applyBorder="1" applyAlignment="1">
      <alignment vertical="center"/>
    </xf>
    <xf numFmtId="180" fontId="2" fillId="0" borderId="66" xfId="4" applyNumberFormat="1" applyFont="1" applyFill="1" applyBorder="1" applyAlignment="1">
      <alignment vertical="center"/>
    </xf>
    <xf numFmtId="178" fontId="2" fillId="0" borderId="66" xfId="4" applyNumberFormat="1" applyFont="1" applyFill="1" applyBorder="1" applyAlignment="1">
      <alignment horizontal="right" vertical="center"/>
    </xf>
    <xf numFmtId="178" fontId="2" fillId="0" borderId="73" xfId="4" applyNumberFormat="1" applyFont="1" applyFill="1" applyBorder="1" applyAlignment="1">
      <alignment horizontal="right" vertical="center"/>
    </xf>
    <xf numFmtId="178" fontId="2" fillId="0" borderId="64" xfId="4" applyNumberFormat="1" applyFont="1" applyFill="1" applyBorder="1" applyAlignment="1">
      <alignment horizontal="right" vertical="center"/>
    </xf>
    <xf numFmtId="178" fontId="2" fillId="0" borderId="68" xfId="4" applyNumberFormat="1" applyFont="1" applyFill="1" applyBorder="1" applyAlignment="1">
      <alignment horizontal="distributed" vertical="center"/>
    </xf>
    <xf numFmtId="178" fontId="2" fillId="0" borderId="12" xfId="4" applyNumberFormat="1" applyFont="1" applyFill="1" applyBorder="1" applyAlignment="1">
      <alignment vertical="center"/>
    </xf>
    <xf numFmtId="180" fontId="2" fillId="0" borderId="13" xfId="4" applyNumberFormat="1" applyFont="1" applyFill="1" applyBorder="1" applyAlignment="1">
      <alignment vertical="center"/>
    </xf>
    <xf numFmtId="178" fontId="2" fillId="0" borderId="13" xfId="4" applyNumberFormat="1" applyFont="1" applyFill="1" applyBorder="1" applyAlignment="1">
      <alignment horizontal="right" vertical="center"/>
    </xf>
    <xf numFmtId="178" fontId="2" fillId="0" borderId="16" xfId="4" applyNumberFormat="1" applyFont="1" applyFill="1" applyBorder="1" applyAlignment="1">
      <alignment horizontal="right" vertical="center"/>
    </xf>
    <xf numFmtId="178" fontId="2" fillId="0" borderId="54" xfId="4" applyNumberFormat="1" applyFont="1" applyFill="1" applyBorder="1" applyAlignment="1">
      <alignment horizontal="right" vertical="center"/>
    </xf>
    <xf numFmtId="178" fontId="2" fillId="0" borderId="69" xfId="4" applyNumberFormat="1" applyFont="1" applyFill="1" applyBorder="1" applyAlignment="1">
      <alignment horizontal="distributed" vertical="center"/>
    </xf>
    <xf numFmtId="178" fontId="2" fillId="0" borderId="43" xfId="4" applyNumberFormat="1" applyFont="1" applyFill="1" applyBorder="1" applyAlignment="1">
      <alignment vertical="center"/>
    </xf>
    <xf numFmtId="180" fontId="2" fillId="0" borderId="47" xfId="4" applyNumberFormat="1" applyFont="1" applyFill="1" applyBorder="1" applyAlignment="1">
      <alignment vertical="center"/>
    </xf>
    <xf numFmtId="178" fontId="2" fillId="0" borderId="47" xfId="4" applyNumberFormat="1" applyFont="1" applyFill="1" applyBorder="1" applyAlignment="1">
      <alignment horizontal="right" vertical="center"/>
    </xf>
    <xf numFmtId="178" fontId="2" fillId="0" borderId="50" xfId="4" applyNumberFormat="1" applyFont="1" applyFill="1" applyBorder="1" applyAlignment="1">
      <alignment horizontal="right" vertical="center"/>
    </xf>
    <xf numFmtId="178" fontId="2" fillId="0" borderId="58" xfId="4" applyNumberFormat="1" applyFont="1" applyFill="1" applyBorder="1" applyAlignment="1">
      <alignment horizontal="right" vertical="center"/>
    </xf>
    <xf numFmtId="178" fontId="2" fillId="0" borderId="48" xfId="4" applyNumberFormat="1" applyFont="1" applyFill="1" applyBorder="1" applyAlignment="1">
      <alignment horizontal="distributed" vertical="center"/>
    </xf>
    <xf numFmtId="178" fontId="2" fillId="0" borderId="37" xfId="4" applyNumberFormat="1" applyFont="1" applyFill="1" applyBorder="1" applyAlignment="1">
      <alignment vertical="center"/>
    </xf>
    <xf numFmtId="180" fontId="2" fillId="0" borderId="41" xfId="4" applyNumberFormat="1" applyFont="1" applyFill="1" applyBorder="1" applyAlignment="1">
      <alignment vertical="center"/>
    </xf>
    <xf numFmtId="178" fontId="2" fillId="0" borderId="41" xfId="4" applyNumberFormat="1" applyFont="1" applyFill="1" applyBorder="1" applyAlignment="1">
      <alignment horizontal="right" vertical="center"/>
    </xf>
    <xf numFmtId="178" fontId="2" fillId="0" borderId="49" xfId="4" applyNumberFormat="1" applyFont="1" applyFill="1" applyBorder="1" applyAlignment="1">
      <alignment horizontal="right" vertical="center"/>
    </xf>
    <xf numFmtId="178" fontId="2" fillId="0" borderId="17" xfId="4" applyNumberFormat="1" applyFont="1" applyFill="1" applyBorder="1" applyAlignment="1">
      <alignment horizontal="right" vertical="center"/>
    </xf>
    <xf numFmtId="178" fontId="2" fillId="0" borderId="42" xfId="4" applyNumberFormat="1" applyFont="1" applyFill="1" applyBorder="1" applyAlignment="1">
      <alignment horizontal="distributed" vertical="center"/>
    </xf>
    <xf numFmtId="178" fontId="2" fillId="0" borderId="23" xfId="4" applyNumberFormat="1" applyFont="1" applyFill="1" applyBorder="1" applyAlignment="1">
      <alignment vertical="center"/>
    </xf>
    <xf numFmtId="180" fontId="2" fillId="0" borderId="27" xfId="4" applyNumberFormat="1" applyFont="1" applyFill="1" applyBorder="1" applyAlignment="1">
      <alignment vertical="center"/>
    </xf>
    <xf numFmtId="178" fontId="2" fillId="0" borderId="27" xfId="4" applyNumberFormat="1" applyFont="1" applyFill="1" applyBorder="1" applyAlignment="1">
      <alignment horizontal="right" vertical="center"/>
    </xf>
    <xf numFmtId="178" fontId="2" fillId="0" borderId="74" xfId="4" applyNumberFormat="1" applyFont="1" applyFill="1" applyBorder="1" applyAlignment="1">
      <alignment horizontal="right" vertical="center"/>
    </xf>
    <xf numFmtId="178" fontId="2" fillId="0" borderId="35" xfId="4" applyNumberFormat="1" applyFont="1" applyFill="1" applyBorder="1" applyAlignment="1">
      <alignment horizontal="right" vertical="center"/>
    </xf>
    <xf numFmtId="178" fontId="2" fillId="0" borderId="28" xfId="4" applyNumberFormat="1" applyFont="1" applyFill="1" applyBorder="1" applyAlignment="1">
      <alignment horizontal="distributed" vertical="center"/>
    </xf>
    <xf numFmtId="178" fontId="2" fillId="0" borderId="1" xfId="4" applyNumberFormat="1" applyFont="1" applyFill="1" applyBorder="1" applyAlignment="1">
      <alignment vertical="center"/>
    </xf>
    <xf numFmtId="180" fontId="2" fillId="0" borderId="2" xfId="4" applyNumberFormat="1" applyFont="1" applyFill="1" applyBorder="1" applyAlignment="1">
      <alignment vertical="center"/>
    </xf>
    <xf numFmtId="178" fontId="2" fillId="0" borderId="2" xfId="4" applyNumberFormat="1" applyFont="1" applyFill="1" applyBorder="1" applyAlignment="1">
      <alignment horizontal="right" vertical="center"/>
    </xf>
    <xf numFmtId="178" fontId="2" fillId="0" borderId="5" xfId="4" applyNumberFormat="1" applyFont="1" applyFill="1" applyBorder="1" applyAlignment="1">
      <alignment horizontal="right" vertical="center"/>
    </xf>
    <xf numFmtId="178" fontId="2" fillId="0" borderId="59" xfId="4" applyNumberFormat="1" applyFont="1" applyFill="1" applyBorder="1" applyAlignment="1">
      <alignment horizontal="right" vertical="center"/>
    </xf>
    <xf numFmtId="178" fontId="2" fillId="0" borderId="61" xfId="4" applyNumberFormat="1" applyFont="1" applyFill="1" applyBorder="1" applyAlignment="1">
      <alignment horizontal="distributed" vertical="center"/>
    </xf>
    <xf numFmtId="178" fontId="5" fillId="0" borderId="1" xfId="4" quotePrefix="1" applyNumberFormat="1" applyFont="1" applyFill="1" applyBorder="1" applyAlignment="1">
      <alignment horizontal="center" vertical="center" wrapText="1"/>
    </xf>
    <xf numFmtId="180" fontId="4" fillId="0" borderId="60" xfId="4" applyNumberFormat="1" applyFont="1" applyFill="1" applyBorder="1" applyAlignment="1">
      <alignment horizontal="center" vertical="center" wrapText="1"/>
    </xf>
    <xf numFmtId="0" fontId="2" fillId="0" borderId="2" xfId="4" applyFont="1" applyFill="1" applyBorder="1" applyAlignment="1">
      <alignment vertical="center" shrinkToFit="1"/>
    </xf>
    <xf numFmtId="180" fontId="2" fillId="0" borderId="60" xfId="4" applyNumberFormat="1" applyFont="1" applyFill="1" applyBorder="1" applyAlignment="1">
      <alignment horizontal="center" vertical="center" wrapText="1"/>
    </xf>
    <xf numFmtId="178" fontId="2" fillId="0" borderId="2" xfId="4" applyNumberFormat="1" applyFont="1" applyFill="1" applyBorder="1" applyAlignment="1">
      <alignment horizontal="distributed" vertical="center"/>
    </xf>
    <xf numFmtId="178" fontId="5" fillId="0" borderId="2" xfId="4" applyNumberFormat="1" applyFont="1" applyFill="1" applyBorder="1" applyAlignment="1">
      <alignment vertical="center" shrinkToFit="1"/>
    </xf>
    <xf numFmtId="180" fontId="2" fillId="0" borderId="2" xfId="4" applyNumberFormat="1" applyFont="1" applyFill="1" applyBorder="1" applyAlignment="1">
      <alignment horizontal="center" vertical="center" wrapText="1"/>
    </xf>
    <xf numFmtId="178" fontId="2" fillId="0" borderId="5" xfId="4" applyNumberFormat="1" applyFont="1" applyFill="1" applyBorder="1" applyAlignment="1">
      <alignment horizontal="distributed" vertical="center"/>
    </xf>
    <xf numFmtId="0" fontId="15" fillId="0" borderId="61" xfId="5" applyFont="1" applyFill="1" applyBorder="1" applyAlignment="1">
      <alignment vertical="center"/>
    </xf>
    <xf numFmtId="178" fontId="2" fillId="0" borderId="4" xfId="4" applyNumberFormat="1" applyFont="1" applyFill="1" applyBorder="1" applyAlignment="1">
      <alignment horizontal="distributed" vertical="center"/>
    </xf>
    <xf numFmtId="180" fontId="4" fillId="0" borderId="21" xfId="4" applyNumberFormat="1" applyFont="1" applyFill="1" applyBorder="1" applyAlignment="1">
      <alignment vertical="center" shrinkToFit="1"/>
    </xf>
    <xf numFmtId="178" fontId="2" fillId="0" borderId="21" xfId="4" applyNumberFormat="1" applyFont="1" applyFill="1" applyBorder="1" applyAlignment="1">
      <alignment horizontal="distributed" vertical="center" shrinkToFit="1"/>
    </xf>
    <xf numFmtId="180" fontId="4" fillId="0" borderId="19" xfId="4" applyNumberFormat="1" applyFont="1" applyFill="1" applyBorder="1" applyAlignment="1">
      <alignment horizontal="distributed" vertical="center"/>
    </xf>
    <xf numFmtId="178" fontId="2" fillId="0" borderId="21" xfId="4" applyNumberFormat="1" applyFont="1" applyFill="1" applyBorder="1" applyAlignment="1">
      <alignment horizontal="distributed" vertical="center"/>
    </xf>
    <xf numFmtId="180" fontId="4" fillId="0" borderId="21" xfId="4" applyNumberFormat="1" applyFont="1" applyFill="1" applyBorder="1" applyAlignment="1">
      <alignment horizontal="distributed" vertical="center"/>
    </xf>
    <xf numFmtId="178" fontId="2" fillId="0" borderId="36" xfId="4" applyNumberFormat="1" applyFont="1" applyFill="1" applyBorder="1" applyAlignment="1">
      <alignment horizontal="distributed" vertical="center"/>
    </xf>
    <xf numFmtId="180" fontId="2" fillId="0" borderId="19" xfId="4" applyNumberFormat="1" applyFont="1" applyFill="1" applyBorder="1" applyAlignment="1">
      <alignment horizontal="distributed" vertical="center"/>
    </xf>
    <xf numFmtId="178" fontId="2" fillId="0" borderId="11" xfId="4" applyNumberFormat="1" applyFont="1" applyFill="1" applyBorder="1" applyAlignment="1">
      <alignment horizontal="distributed" vertical="center"/>
    </xf>
    <xf numFmtId="180" fontId="2" fillId="0" borderId="39" xfId="4" applyNumberFormat="1" applyFont="1" applyFill="1" applyBorder="1" applyAlignment="1">
      <alignment vertical="center" shrinkToFit="1"/>
    </xf>
    <xf numFmtId="178" fontId="2" fillId="0" borderId="51" xfId="4" applyNumberFormat="1" applyFont="1" applyFill="1" applyBorder="1" applyAlignment="1">
      <alignment vertical="center"/>
    </xf>
    <xf numFmtId="180" fontId="2" fillId="0" borderId="39" xfId="4" applyNumberFormat="1" applyFont="1" applyFill="1" applyBorder="1" applyAlignment="1">
      <alignment horizontal="distributed" vertical="center"/>
    </xf>
    <xf numFmtId="180" fontId="2" fillId="0" borderId="39" xfId="4" applyNumberFormat="1" applyFont="1" applyFill="1" applyBorder="1" applyAlignment="1">
      <alignment horizontal="center" vertical="center"/>
    </xf>
    <xf numFmtId="178" fontId="2" fillId="0" borderId="54" xfId="4" applyNumberFormat="1" applyFont="1" applyFill="1" applyBorder="1" applyAlignment="1">
      <alignment vertical="center"/>
    </xf>
    <xf numFmtId="178" fontId="2" fillId="0" borderId="69" xfId="4" applyNumberFormat="1" applyFont="1" applyFill="1" applyBorder="1" applyAlignment="1">
      <alignment vertical="center"/>
    </xf>
    <xf numFmtId="178" fontId="2" fillId="0" borderId="51" xfId="4" applyNumberFormat="1" applyFont="1" applyFill="1" applyBorder="1" applyAlignment="1">
      <alignment horizontal="left" vertical="center" wrapText="1"/>
    </xf>
    <xf numFmtId="180" fontId="2" fillId="0" borderId="55" xfId="4" applyNumberFormat="1" applyFont="1" applyFill="1" applyBorder="1" applyAlignment="1">
      <alignment vertical="center"/>
    </xf>
    <xf numFmtId="180" fontId="2" fillId="0" borderId="58" xfId="4" applyNumberFormat="1" applyFont="1" applyFill="1" applyBorder="1" applyAlignment="1">
      <alignment horizontal="distributed" vertical="center"/>
    </xf>
    <xf numFmtId="0" fontId="2" fillId="0" borderId="58" xfId="4" applyFont="1" applyFill="1" applyBorder="1" applyAlignment="1">
      <alignment horizontal="distributed" vertical="center"/>
    </xf>
    <xf numFmtId="178" fontId="2" fillId="0" borderId="58" xfId="4" applyNumberFormat="1" applyFont="1" applyFill="1" applyBorder="1" applyAlignment="1">
      <alignment horizontal="center" vertical="center"/>
    </xf>
    <xf numFmtId="178" fontId="2" fillId="0" borderId="48" xfId="4" applyNumberFormat="1" applyFont="1" applyFill="1" applyBorder="1" applyAlignment="1">
      <alignment horizontal="center" vertical="center"/>
    </xf>
    <xf numFmtId="180" fontId="2" fillId="0" borderId="35" xfId="4" applyNumberFormat="1" applyFont="1" applyFill="1" applyBorder="1" applyAlignment="1">
      <alignment vertical="center"/>
    </xf>
    <xf numFmtId="180" fontId="2" fillId="0" borderId="58" xfId="4" applyNumberFormat="1" applyFont="1" applyFill="1" applyBorder="1" applyAlignment="1">
      <alignment vertical="center"/>
    </xf>
    <xf numFmtId="0" fontId="15" fillId="0" borderId="70" xfId="5" applyFont="1" applyFill="1" applyBorder="1" applyAlignment="1">
      <alignment vertical="center"/>
    </xf>
    <xf numFmtId="178" fontId="2" fillId="0" borderId="70" xfId="4" applyNumberFormat="1" applyFont="1" applyFill="1" applyBorder="1" applyAlignment="1">
      <alignment horizontal="distributed" vertical="center"/>
    </xf>
    <xf numFmtId="178" fontId="2" fillId="0" borderId="9" xfId="4" applyNumberFormat="1" applyFont="1" applyFill="1" applyBorder="1" applyAlignment="1">
      <alignment horizontal="distributed" vertical="center"/>
    </xf>
    <xf numFmtId="176" fontId="2" fillId="0" borderId="0" xfId="4" applyNumberFormat="1" applyFont="1" applyFill="1" applyAlignment="1">
      <alignment vertical="top"/>
    </xf>
    <xf numFmtId="176" fontId="2" fillId="0" borderId="0" xfId="4" applyNumberFormat="1" applyFont="1" applyFill="1" applyAlignment="1">
      <alignment horizontal="right" vertical="top"/>
    </xf>
    <xf numFmtId="180" fontId="2" fillId="0" borderId="0" xfId="4" applyNumberFormat="1" applyFont="1" applyFill="1" applyAlignment="1">
      <alignment vertical="top"/>
    </xf>
    <xf numFmtId="176" fontId="2" fillId="0" borderId="0" xfId="4" applyNumberFormat="1" applyFont="1" applyFill="1" applyBorder="1" applyAlignment="1">
      <alignment vertical="top"/>
    </xf>
    <xf numFmtId="176" fontId="11" fillId="0" borderId="0" xfId="4" applyNumberFormat="1" applyFont="1" applyFill="1" applyAlignment="1">
      <alignment vertical="top"/>
    </xf>
    <xf numFmtId="176" fontId="12" fillId="0" borderId="0" xfId="4" applyNumberFormat="1" applyFont="1" applyFill="1" applyAlignment="1">
      <alignment vertical="top"/>
    </xf>
    <xf numFmtId="176" fontId="1" fillId="0" borderId="0" xfId="4" applyNumberFormat="1" applyFont="1" applyFill="1" applyAlignment="1">
      <alignment vertical="top"/>
    </xf>
    <xf numFmtId="180" fontId="2" fillId="0" borderId="0" xfId="4" applyNumberFormat="1" applyFont="1" applyFill="1"/>
    <xf numFmtId="180" fontId="12" fillId="0" borderId="0" xfId="4" applyNumberFormat="1" applyFont="1" applyFill="1" applyAlignment="1">
      <alignment vertical="center"/>
    </xf>
    <xf numFmtId="176" fontId="12" fillId="0" borderId="0" xfId="4" applyNumberFormat="1" applyFont="1" applyFill="1" applyAlignment="1">
      <alignment vertical="center"/>
    </xf>
    <xf numFmtId="176" fontId="16" fillId="0" borderId="0" xfId="4" applyNumberFormat="1" applyFont="1" applyFill="1" applyAlignment="1">
      <alignment vertical="center"/>
    </xf>
    <xf numFmtId="38" fontId="2" fillId="0" borderId="0" xfId="6" applyFont="1" applyAlignment="1">
      <alignment vertical="center"/>
    </xf>
    <xf numFmtId="38" fontId="2" fillId="0" borderId="0" xfId="6" applyFont="1" applyAlignment="1">
      <alignment horizontal="center" vertical="center"/>
    </xf>
    <xf numFmtId="38" fontId="2" fillId="0" borderId="0" xfId="6" applyFont="1" applyAlignment="1">
      <alignment horizontal="distributed" vertical="center"/>
    </xf>
    <xf numFmtId="38" fontId="2" fillId="0" borderId="0" xfId="6" applyFont="1" applyAlignment="1" applyProtection="1">
      <alignment horizontal="distributed" vertical="center"/>
      <protection locked="0"/>
    </xf>
    <xf numFmtId="38" fontId="2" fillId="0" borderId="0" xfId="6" applyFont="1" applyBorder="1" applyAlignment="1">
      <alignment horizontal="center" vertical="center"/>
    </xf>
    <xf numFmtId="38" fontId="2" fillId="0" borderId="0" xfId="6" applyFont="1" applyAlignment="1">
      <alignment horizontal="right" vertical="center"/>
    </xf>
    <xf numFmtId="38" fontId="5" fillId="0" borderId="0" xfId="6" applyFont="1" applyAlignment="1">
      <alignment horizontal="left" vertical="center"/>
    </xf>
    <xf numFmtId="38" fontId="5" fillId="0" borderId="0" xfId="6" applyFont="1" applyAlignment="1">
      <alignment vertical="center"/>
    </xf>
    <xf numFmtId="38" fontId="2" fillId="0" borderId="75" xfId="6" applyFont="1" applyBorder="1" applyAlignment="1">
      <alignment vertical="center"/>
    </xf>
    <xf numFmtId="38" fontId="2" fillId="0" borderId="30" xfId="6" applyNumberFormat="1" applyFont="1" applyBorder="1" applyAlignment="1">
      <alignment horizontal="right" vertical="center"/>
    </xf>
    <xf numFmtId="38" fontId="2" fillId="0" borderId="31" xfId="6" applyFont="1" applyBorder="1" applyAlignment="1">
      <alignment vertical="center"/>
    </xf>
    <xf numFmtId="38" fontId="2" fillId="0" borderId="62" xfId="6" applyFont="1" applyBorder="1" applyAlignment="1">
      <alignment horizontal="right" vertical="center"/>
    </xf>
    <xf numFmtId="38" fontId="2" fillId="0" borderId="30" xfId="6" applyFont="1" applyBorder="1" applyAlignment="1">
      <alignment horizontal="right" vertical="center"/>
    </xf>
    <xf numFmtId="38" fontId="2" fillId="2" borderId="62" xfId="6" applyFont="1" applyFill="1" applyBorder="1" applyAlignment="1">
      <alignment horizontal="right" vertical="center"/>
    </xf>
    <xf numFmtId="38" fontId="2" fillId="2" borderId="34" xfId="6" applyFont="1" applyFill="1" applyBorder="1" applyAlignment="1">
      <alignment horizontal="right" vertical="center"/>
    </xf>
    <xf numFmtId="38" fontId="2" fillId="0" borderId="34" xfId="6" applyFont="1" applyBorder="1" applyAlignment="1">
      <alignment horizontal="distributed" vertical="center"/>
    </xf>
    <xf numFmtId="38" fontId="2" fillId="2" borderId="62" xfId="6" quotePrefix="1" applyFont="1" applyFill="1" applyBorder="1" applyAlignment="1">
      <alignment horizontal="right" vertical="center"/>
    </xf>
    <xf numFmtId="38" fontId="2" fillId="2" borderId="34" xfId="6" quotePrefix="1" applyFont="1" applyFill="1" applyBorder="1" applyAlignment="1">
      <alignment horizontal="right" vertical="center"/>
    </xf>
    <xf numFmtId="38" fontId="2" fillId="2" borderId="11" xfId="6" applyFont="1" applyFill="1" applyBorder="1" applyAlignment="1">
      <alignment horizontal="distributed" vertical="center"/>
    </xf>
    <xf numFmtId="38" fontId="2" fillId="0" borderId="80" xfId="6" applyFont="1" applyBorder="1" applyAlignment="1">
      <alignment vertical="center"/>
    </xf>
    <xf numFmtId="38" fontId="2" fillId="0" borderId="51" xfId="6" applyFont="1" applyBorder="1" applyAlignment="1">
      <alignment horizontal="right" vertical="center"/>
    </xf>
    <xf numFmtId="38" fontId="2" fillId="0" borderId="14" xfId="6" applyFont="1" applyBorder="1" applyAlignment="1">
      <alignment vertical="center"/>
    </xf>
    <xf numFmtId="38" fontId="2" fillId="0" borderId="54" xfId="6" applyFont="1" applyBorder="1" applyAlignment="1">
      <alignment horizontal="right" vertical="center"/>
    </xf>
    <xf numFmtId="38" fontId="2" fillId="2" borderId="54" xfId="6" quotePrefix="1" applyFont="1" applyFill="1" applyBorder="1" applyAlignment="1">
      <alignment horizontal="right" vertical="center"/>
    </xf>
    <xf numFmtId="38" fontId="2" fillId="2" borderId="69" xfId="6" quotePrefix="1" applyFont="1" applyFill="1" applyBorder="1" applyAlignment="1">
      <alignment horizontal="right" vertical="center"/>
    </xf>
    <xf numFmtId="38" fontId="2" fillId="2" borderId="63" xfId="6" applyFont="1" applyFill="1" applyBorder="1" applyAlignment="1">
      <alignment horizontal="distributed" vertical="center"/>
    </xf>
    <xf numFmtId="38" fontId="2" fillId="0" borderId="79" xfId="6" applyFont="1" applyBorder="1" applyAlignment="1">
      <alignment vertical="center"/>
    </xf>
    <xf numFmtId="38" fontId="2" fillId="0" borderId="38" xfId="6" applyFont="1" applyBorder="1" applyAlignment="1">
      <alignment horizontal="right" vertical="center"/>
    </xf>
    <xf numFmtId="38" fontId="2" fillId="0" borderId="39" xfId="6" applyFont="1" applyBorder="1" applyAlignment="1">
      <alignment vertical="center"/>
    </xf>
    <xf numFmtId="38" fontId="2" fillId="0" borderId="17" xfId="6" applyFont="1" applyBorder="1" applyAlignment="1">
      <alignment horizontal="right" vertical="center"/>
    </xf>
    <xf numFmtId="38" fontId="2" fillId="2" borderId="17" xfId="6" quotePrefix="1" applyFont="1" applyFill="1" applyBorder="1" applyAlignment="1">
      <alignment horizontal="right" vertical="center"/>
    </xf>
    <xf numFmtId="38" fontId="2" fillId="2" borderId="42" xfId="6" quotePrefix="1" applyFont="1" applyFill="1" applyBorder="1" applyAlignment="1">
      <alignment horizontal="right" vertical="center"/>
    </xf>
    <xf numFmtId="38" fontId="2" fillId="2" borderId="40" xfId="6" applyFont="1" applyFill="1" applyBorder="1" applyAlignment="1">
      <alignment horizontal="distributed" vertical="center"/>
    </xf>
    <xf numFmtId="38" fontId="2" fillId="0" borderId="77" xfId="6" applyFont="1" applyBorder="1" applyAlignment="1">
      <alignment vertical="center"/>
    </xf>
    <xf numFmtId="38" fontId="2" fillId="0" borderId="24" xfId="6" applyFont="1" applyBorder="1" applyAlignment="1">
      <alignment horizontal="right" vertical="center"/>
    </xf>
    <xf numFmtId="38" fontId="2" fillId="0" borderId="25" xfId="6" applyFont="1" applyBorder="1" applyAlignment="1">
      <alignment vertical="center"/>
    </xf>
    <xf numFmtId="38" fontId="2" fillId="0" borderId="35" xfId="6" applyFont="1" applyBorder="1" applyAlignment="1">
      <alignment horizontal="right" vertical="center"/>
    </xf>
    <xf numFmtId="38" fontId="2" fillId="2" borderId="35" xfId="6" quotePrefix="1" applyFont="1" applyFill="1" applyBorder="1" applyAlignment="1">
      <alignment horizontal="right" vertical="center"/>
    </xf>
    <xf numFmtId="38" fontId="2" fillId="2" borderId="28" xfId="6" quotePrefix="1" applyFont="1" applyFill="1" applyBorder="1" applyAlignment="1">
      <alignment horizontal="right" vertical="center"/>
    </xf>
    <xf numFmtId="38" fontId="2" fillId="2" borderId="26" xfId="6" applyFont="1" applyFill="1" applyBorder="1" applyAlignment="1">
      <alignment horizontal="distributed" vertical="center"/>
    </xf>
    <xf numFmtId="38" fontId="2" fillId="0" borderId="78" xfId="6" applyFont="1" applyBorder="1" applyAlignment="1">
      <alignment vertical="center"/>
    </xf>
    <xf numFmtId="38" fontId="2" fillId="0" borderId="65" xfId="6" applyFont="1" applyBorder="1" applyAlignment="1">
      <alignment horizontal="right" vertical="center"/>
    </xf>
    <xf numFmtId="38" fontId="2" fillId="0" borderId="67" xfId="6" applyFont="1" applyBorder="1" applyAlignment="1">
      <alignment vertical="center"/>
    </xf>
    <xf numFmtId="38" fontId="2" fillId="0" borderId="64" xfId="6" applyFont="1" applyBorder="1" applyAlignment="1">
      <alignment horizontal="right" vertical="center"/>
    </xf>
    <xf numFmtId="38" fontId="2" fillId="2" borderId="64" xfId="6" quotePrefix="1" applyFont="1" applyFill="1" applyBorder="1" applyAlignment="1">
      <alignment horizontal="right" vertical="center"/>
    </xf>
    <xf numFmtId="38" fontId="2" fillId="2" borderId="68" xfId="6" quotePrefix="1" applyFont="1" applyFill="1" applyBorder="1" applyAlignment="1">
      <alignment horizontal="right" vertical="center"/>
    </xf>
    <xf numFmtId="38" fontId="2" fillId="0" borderId="38" xfId="6" applyNumberFormat="1" applyFont="1" applyBorder="1" applyAlignment="1">
      <alignment horizontal="right" vertical="center"/>
    </xf>
    <xf numFmtId="38" fontId="2" fillId="0" borderId="76" xfId="6" applyFont="1" applyBorder="1" applyAlignment="1">
      <alignment vertical="center"/>
    </xf>
    <xf numFmtId="38" fontId="2" fillId="0" borderId="44" xfId="6" applyFont="1" applyBorder="1" applyAlignment="1">
      <alignment horizontal="right" vertical="center"/>
    </xf>
    <xf numFmtId="38" fontId="2" fillId="0" borderId="45" xfId="6" applyFont="1" applyBorder="1" applyAlignment="1">
      <alignment vertical="center"/>
    </xf>
    <xf numFmtId="38" fontId="2" fillId="0" borderId="58" xfId="6" applyFont="1" applyBorder="1" applyAlignment="1">
      <alignment horizontal="right" vertical="center"/>
    </xf>
    <xf numFmtId="38" fontId="2" fillId="2" borderId="58" xfId="6" quotePrefix="1" applyFont="1" applyFill="1" applyBorder="1" applyAlignment="1">
      <alignment horizontal="right" vertical="center"/>
    </xf>
    <xf numFmtId="38" fontId="2" fillId="2" borderId="48" xfId="6" quotePrefix="1" applyFont="1" applyFill="1" applyBorder="1" applyAlignment="1">
      <alignment horizontal="right" vertical="center"/>
    </xf>
    <xf numFmtId="38" fontId="2" fillId="2" borderId="46" xfId="6" applyFont="1" applyFill="1" applyBorder="1" applyAlignment="1">
      <alignment horizontal="distributed" vertical="center"/>
    </xf>
    <xf numFmtId="38" fontId="2" fillId="2" borderId="15" xfId="6" applyFont="1" applyFill="1" applyBorder="1" applyAlignment="1">
      <alignment horizontal="distributed" vertical="center"/>
    </xf>
    <xf numFmtId="38" fontId="2" fillId="2" borderId="32" xfId="6" applyFont="1" applyFill="1" applyBorder="1" applyAlignment="1">
      <alignment horizontal="distributed" vertical="center"/>
    </xf>
    <xf numFmtId="38" fontId="2" fillId="0" borderId="65" xfId="6" applyNumberFormat="1" applyFont="1" applyBorder="1" applyAlignment="1">
      <alignment horizontal="right" vertical="center"/>
    </xf>
    <xf numFmtId="38" fontId="2" fillId="2" borderId="40" xfId="6" applyFont="1" applyFill="1" applyBorder="1" applyAlignment="1">
      <alignment horizontal="distributed" vertical="distributed"/>
    </xf>
    <xf numFmtId="38" fontId="2" fillId="0" borderId="44" xfId="6" applyNumberFormat="1" applyFont="1" applyBorder="1" applyAlignment="1">
      <alignment horizontal="right" vertical="center"/>
    </xf>
    <xf numFmtId="38" fontId="2" fillId="2" borderId="26" xfId="6" applyFont="1" applyFill="1" applyBorder="1" applyAlignment="1">
      <alignment horizontal="distributed" vertical="distributed"/>
    </xf>
    <xf numFmtId="38" fontId="2" fillId="2" borderId="63" xfId="6" applyFont="1" applyFill="1" applyBorder="1" applyAlignment="1">
      <alignment horizontal="distributed" vertical="distributed"/>
    </xf>
    <xf numFmtId="38" fontId="2" fillId="2" borderId="44" xfId="6" quotePrefix="1" applyFont="1" applyFill="1" applyBorder="1" applyAlignment="1">
      <alignment horizontal="right" vertical="center"/>
    </xf>
    <xf numFmtId="38" fontId="2" fillId="0" borderId="56" xfId="6" applyFont="1" applyBorder="1" applyAlignment="1">
      <alignment horizontal="right" vertical="center"/>
    </xf>
    <xf numFmtId="38" fontId="2" fillId="0" borderId="57" xfId="6" applyFont="1" applyBorder="1" applyAlignment="1">
      <alignment horizontal="right" vertical="center"/>
    </xf>
    <xf numFmtId="38" fontId="2" fillId="0" borderId="45" xfId="6" applyFont="1" applyBorder="1" applyAlignment="1">
      <alignment horizontal="right" vertical="center"/>
    </xf>
    <xf numFmtId="38" fontId="2" fillId="0" borderId="70" xfId="6" applyFont="1" applyBorder="1" applyAlignment="1">
      <alignment horizontal="right" vertical="center"/>
    </xf>
    <xf numFmtId="38" fontId="2" fillId="2" borderId="4" xfId="6" applyFont="1" applyFill="1" applyBorder="1" applyAlignment="1">
      <alignment horizontal="distributed" vertical="distributed"/>
    </xf>
    <xf numFmtId="38" fontId="2" fillId="0" borderId="35" xfId="6" applyFont="1" applyBorder="1" applyAlignment="1">
      <alignment horizontal="center" vertical="center"/>
    </xf>
    <xf numFmtId="38" fontId="2" fillId="2" borderId="35" xfId="6" applyFont="1" applyFill="1" applyBorder="1" applyAlignment="1">
      <alignment horizontal="center" vertical="center"/>
    </xf>
    <xf numFmtId="38" fontId="2" fillId="2" borderId="28" xfId="6" applyFont="1" applyFill="1" applyBorder="1" applyAlignment="1">
      <alignment horizontal="center" vertical="center"/>
    </xf>
    <xf numFmtId="38" fontId="2" fillId="2" borderId="11" xfId="6" applyFont="1" applyFill="1" applyBorder="1" applyAlignment="1">
      <alignment horizontal="distributed" vertical="distributed"/>
    </xf>
    <xf numFmtId="38" fontId="2" fillId="2" borderId="0" xfId="6" applyFont="1" applyFill="1" applyBorder="1" applyAlignment="1">
      <alignment horizontal="center" vertical="center"/>
    </xf>
    <xf numFmtId="38" fontId="2" fillId="2" borderId="17" xfId="6" applyFont="1" applyFill="1" applyBorder="1" applyAlignment="1">
      <alignment horizontal="center" vertical="center"/>
    </xf>
    <xf numFmtId="38" fontId="2" fillId="2" borderId="9" xfId="6" applyFont="1" applyFill="1" applyBorder="1" applyAlignment="1">
      <alignment horizontal="distributed" vertical="distributed"/>
    </xf>
    <xf numFmtId="38" fontId="2" fillId="0" borderId="0" xfId="6" applyFont="1" applyBorder="1" applyAlignment="1">
      <alignment vertical="top"/>
    </xf>
    <xf numFmtId="38" fontId="11" fillId="0" borderId="0" xfId="6" applyFont="1" applyAlignment="1">
      <alignment vertical="top"/>
    </xf>
    <xf numFmtId="38" fontId="1" fillId="0" borderId="0" xfId="6" applyFont="1" applyAlignment="1">
      <alignment vertical="top"/>
    </xf>
    <xf numFmtId="38" fontId="16" fillId="0" borderId="0" xfId="6" applyFont="1" applyAlignment="1">
      <alignment vertical="top"/>
    </xf>
    <xf numFmtId="176" fontId="4" fillId="0" borderId="0" xfId="4" applyNumberFormat="1" applyFont="1" applyFill="1"/>
    <xf numFmtId="176" fontId="4" fillId="0" borderId="0" xfId="4" applyNumberFormat="1" applyFont="1" applyFill="1" applyAlignment="1">
      <alignment horizontal="center" vertical="center"/>
    </xf>
    <xf numFmtId="176" fontId="4" fillId="0" borderId="0" xfId="4" applyNumberFormat="1" applyFont="1" applyFill="1" applyAlignment="1">
      <alignment horizontal="distributed" vertical="center"/>
    </xf>
    <xf numFmtId="176" fontId="4" fillId="0" borderId="0" xfId="4" applyNumberFormat="1" applyFont="1" applyFill="1" applyAlignment="1">
      <alignment vertical="center"/>
    </xf>
    <xf numFmtId="182" fontId="4" fillId="0" borderId="72" xfId="4" applyNumberFormat="1" applyFont="1" applyFill="1" applyBorder="1" applyAlignment="1">
      <alignment horizontal="right" vertical="center"/>
    </xf>
    <xf numFmtId="182" fontId="4" fillId="0" borderId="66" xfId="4" applyNumberFormat="1" applyFont="1" applyFill="1" applyBorder="1" applyAlignment="1">
      <alignment horizontal="right" vertical="center"/>
    </xf>
    <xf numFmtId="182" fontId="4" fillId="0" borderId="73" xfId="4" applyNumberFormat="1" applyFont="1" applyFill="1" applyBorder="1" applyAlignment="1">
      <alignment horizontal="right" vertical="center"/>
    </xf>
    <xf numFmtId="176" fontId="4" fillId="0" borderId="43" xfId="4" applyNumberFormat="1" applyFont="1" applyFill="1" applyBorder="1" applyAlignment="1">
      <alignment horizontal="right" vertical="center"/>
    </xf>
    <xf numFmtId="176" fontId="4" fillId="0" borderId="47" xfId="4" applyNumberFormat="1" applyFont="1" applyFill="1" applyBorder="1" applyAlignment="1">
      <alignment horizontal="right" vertical="center"/>
    </xf>
    <xf numFmtId="176" fontId="4" fillId="0" borderId="50" xfId="4" applyNumberFormat="1" applyFont="1" applyFill="1" applyBorder="1" applyAlignment="1">
      <alignment horizontal="right" vertical="center"/>
    </xf>
    <xf numFmtId="182" fontId="4" fillId="0" borderId="78" xfId="4" applyNumberFormat="1" applyFont="1" applyFill="1" applyBorder="1" applyAlignment="1">
      <alignment horizontal="right" vertical="center"/>
    </xf>
    <xf numFmtId="182" fontId="4" fillId="0" borderId="67" xfId="4" applyNumberFormat="1" applyFont="1" applyFill="1" applyBorder="1" applyAlignment="1">
      <alignment horizontal="right" vertical="center"/>
    </xf>
    <xf numFmtId="176" fontId="4" fillId="0" borderId="76" xfId="4" applyNumberFormat="1" applyFont="1" applyFill="1" applyBorder="1" applyAlignment="1">
      <alignment horizontal="right" vertical="center"/>
    </xf>
    <xf numFmtId="176" fontId="4" fillId="0" borderId="45" xfId="4" applyNumberFormat="1" applyFont="1" applyFill="1" applyBorder="1" applyAlignment="1">
      <alignment horizontal="right" vertical="center"/>
    </xf>
    <xf numFmtId="182" fontId="4" fillId="0" borderId="81" xfId="4" applyNumberFormat="1" applyFont="1" applyFill="1" applyBorder="1" applyAlignment="1">
      <alignment horizontal="right" vertical="center"/>
    </xf>
    <xf numFmtId="176" fontId="4" fillId="0" borderId="77" xfId="4" applyNumberFormat="1" applyFont="1" applyFill="1" applyBorder="1" applyAlignment="1">
      <alignment horizontal="right" vertical="center"/>
    </xf>
    <xf numFmtId="176" fontId="4" fillId="0" borderId="27" xfId="4" applyNumberFormat="1" applyFont="1" applyFill="1" applyBorder="1" applyAlignment="1">
      <alignment horizontal="right" vertical="center"/>
    </xf>
    <xf numFmtId="176" fontId="4" fillId="0" borderId="25" xfId="4" applyNumberFormat="1" applyFont="1" applyFill="1" applyBorder="1" applyAlignment="1">
      <alignment horizontal="right" vertical="center"/>
    </xf>
    <xf numFmtId="176" fontId="4" fillId="0" borderId="82" xfId="4" applyNumberFormat="1" applyFont="1" applyFill="1" applyBorder="1" applyAlignment="1">
      <alignment horizontal="right" vertical="center"/>
    </xf>
    <xf numFmtId="176" fontId="4" fillId="0" borderId="23" xfId="4" applyNumberFormat="1" applyFont="1" applyFill="1" applyBorder="1" applyAlignment="1">
      <alignment horizontal="right" vertical="center"/>
    </xf>
    <xf numFmtId="176" fontId="4" fillId="0" borderId="74" xfId="4" applyNumberFormat="1" applyFont="1" applyFill="1" applyBorder="1" applyAlignment="1">
      <alignment horizontal="right" vertical="center"/>
    </xf>
    <xf numFmtId="182" fontId="4" fillId="0" borderId="80" xfId="4" applyNumberFormat="1" applyFont="1" applyFill="1" applyBorder="1" applyAlignment="1">
      <alignment horizontal="right" vertical="center"/>
    </xf>
    <xf numFmtId="182" fontId="4" fillId="0" borderId="13" xfId="4" applyNumberFormat="1" applyFont="1" applyFill="1" applyBorder="1" applyAlignment="1">
      <alignment horizontal="right" vertical="center"/>
    </xf>
    <xf numFmtId="182" fontId="4" fillId="0" borderId="14" xfId="4" applyNumberFormat="1" applyFont="1" applyFill="1" applyBorder="1" applyAlignment="1">
      <alignment horizontal="right" vertical="center"/>
    </xf>
    <xf numFmtId="182" fontId="4" fillId="0" borderId="12" xfId="4" applyNumberFormat="1" applyFont="1" applyFill="1" applyBorder="1" applyAlignment="1">
      <alignment horizontal="right" vertical="center"/>
    </xf>
    <xf numFmtId="182" fontId="4" fillId="0" borderId="16" xfId="4" applyNumberFormat="1" applyFont="1" applyFill="1" applyBorder="1" applyAlignment="1">
      <alignment horizontal="right" vertical="center"/>
    </xf>
    <xf numFmtId="176" fontId="4" fillId="0" borderId="55" xfId="4" applyNumberFormat="1" applyFont="1" applyFill="1" applyBorder="1" applyAlignment="1">
      <alignment horizontal="right" vertical="center"/>
    </xf>
    <xf numFmtId="176" fontId="4" fillId="0" borderId="7" xfId="4" applyNumberFormat="1" applyFont="1" applyFill="1" applyBorder="1" applyAlignment="1">
      <alignment horizontal="right" vertical="center"/>
    </xf>
    <xf numFmtId="176" fontId="4" fillId="0" borderId="8" xfId="4" applyNumberFormat="1" applyFont="1" applyFill="1" applyBorder="1" applyAlignment="1">
      <alignment horizontal="right" vertical="center"/>
    </xf>
    <xf numFmtId="176" fontId="4" fillId="0" borderId="6" xfId="4" applyNumberFormat="1" applyFont="1" applyFill="1" applyBorder="1" applyAlignment="1">
      <alignment horizontal="right" vertical="center"/>
    </xf>
    <xf numFmtId="176" fontId="4" fillId="0" borderId="10" xfId="4" applyNumberFormat="1" applyFont="1" applyFill="1" applyBorder="1" applyAlignment="1">
      <alignment horizontal="right" vertical="center"/>
    </xf>
    <xf numFmtId="176" fontId="4" fillId="0" borderId="1" xfId="4" quotePrefix="1" applyNumberFormat="1" applyFont="1" applyFill="1" applyBorder="1" applyAlignment="1">
      <alignment horizontal="center" vertical="center"/>
    </xf>
    <xf numFmtId="176" fontId="4" fillId="0" borderId="2" xfId="4" applyNumberFormat="1" applyFont="1" applyFill="1" applyBorder="1" applyAlignment="1">
      <alignment horizontal="center" vertical="center"/>
    </xf>
    <xf numFmtId="176" fontId="4" fillId="0" borderId="2" xfId="4" applyNumberFormat="1" applyFont="1" applyFill="1" applyBorder="1" applyAlignment="1">
      <alignment horizontal="distributed" vertical="center"/>
    </xf>
    <xf numFmtId="176" fontId="4" fillId="0" borderId="2" xfId="4" applyNumberFormat="1" applyFont="1" applyFill="1" applyBorder="1" applyAlignment="1">
      <alignment vertical="center" wrapText="1"/>
    </xf>
    <xf numFmtId="176" fontId="4" fillId="0" borderId="5" xfId="4" applyNumberFormat="1" applyFont="1" applyFill="1" applyBorder="1" applyAlignment="1">
      <alignment horizontal="distributed" vertical="center"/>
    </xf>
    <xf numFmtId="176" fontId="4" fillId="0" borderId="2" xfId="4" applyNumberFormat="1" applyFont="1" applyFill="1" applyBorder="1" applyAlignment="1">
      <alignment horizontal="distributed" vertical="top"/>
    </xf>
    <xf numFmtId="176" fontId="4" fillId="0" borderId="5" xfId="4" applyNumberFormat="1" applyFont="1" applyFill="1" applyBorder="1" applyAlignment="1">
      <alignment horizontal="distributed" vertical="top"/>
    </xf>
    <xf numFmtId="176" fontId="4" fillId="0" borderId="18" xfId="4" applyNumberFormat="1" applyFont="1" applyFill="1" applyBorder="1" applyAlignment="1">
      <alignment horizontal="distributed" vertical="center"/>
    </xf>
    <xf numFmtId="176" fontId="4" fillId="0" borderId="36" xfId="4" applyNumberFormat="1" applyFont="1" applyFill="1" applyBorder="1" applyAlignment="1">
      <alignment horizontal="distributed" vertical="center"/>
    </xf>
    <xf numFmtId="176" fontId="4" fillId="0" borderId="13" xfId="4" applyNumberFormat="1" applyFont="1" applyFill="1" applyBorder="1" applyAlignment="1">
      <alignment horizontal="left" vertical="center" wrapText="1" shrinkToFit="1"/>
    </xf>
    <xf numFmtId="176" fontId="4" fillId="0" borderId="13" xfId="4" applyNumberFormat="1" applyFont="1" applyFill="1" applyBorder="1" applyAlignment="1">
      <alignment horizontal="left" vertical="center"/>
    </xf>
    <xf numFmtId="176" fontId="4" fillId="0" borderId="16" xfId="4" applyNumberFormat="1" applyFont="1" applyFill="1" applyBorder="1" applyAlignment="1">
      <alignment horizontal="left" vertical="center"/>
    </xf>
    <xf numFmtId="176" fontId="4" fillId="0" borderId="21" xfId="4" applyNumberFormat="1" applyFont="1" applyFill="1" applyBorder="1" applyAlignment="1">
      <alignment horizontal="left" vertical="center"/>
    </xf>
    <xf numFmtId="176" fontId="4" fillId="0" borderId="36" xfId="4" applyNumberFormat="1" applyFont="1" applyFill="1" applyBorder="1" applyAlignment="1">
      <alignment horizontal="left" vertical="center"/>
    </xf>
    <xf numFmtId="0" fontId="4" fillId="0" borderId="53" xfId="4" applyFont="1" applyFill="1" applyBorder="1" applyAlignment="1">
      <alignment horizontal="left" vertical="center"/>
    </xf>
    <xf numFmtId="176" fontId="4" fillId="0" borderId="0" xfId="4" applyNumberFormat="1" applyFont="1" applyFill="1" applyBorder="1" applyAlignment="1">
      <alignment horizontal="center" vertical="center" wrapText="1"/>
    </xf>
    <xf numFmtId="176" fontId="4" fillId="0" borderId="17" xfId="4" applyNumberFormat="1" applyFont="1" applyFill="1" applyBorder="1" applyAlignment="1">
      <alignment horizontal="center" vertical="center" wrapText="1"/>
    </xf>
    <xf numFmtId="176" fontId="4" fillId="0" borderId="17" xfId="4" applyNumberFormat="1" applyFont="1" applyFill="1" applyBorder="1" applyAlignment="1">
      <alignment horizontal="distributed" vertical="center"/>
    </xf>
    <xf numFmtId="0" fontId="4" fillId="0" borderId="17" xfId="4" applyFont="1" applyFill="1" applyBorder="1" applyAlignment="1">
      <alignment horizontal="distributed" vertical="center"/>
    </xf>
    <xf numFmtId="176" fontId="4" fillId="0" borderId="42" xfId="4" applyNumberFormat="1" applyFont="1" applyFill="1" applyBorder="1" applyAlignment="1">
      <alignment horizontal="distributed" vertical="center"/>
    </xf>
    <xf numFmtId="0" fontId="4" fillId="0" borderId="80" xfId="4" applyFont="1" applyFill="1" applyBorder="1" applyAlignment="1">
      <alignment horizontal="left" vertical="center"/>
    </xf>
    <xf numFmtId="176" fontId="4" fillId="0" borderId="0" xfId="4" applyNumberFormat="1" applyFont="1" applyFill="1" applyAlignment="1"/>
    <xf numFmtId="0" fontId="18" fillId="0" borderId="0" xfId="4" applyFont="1" applyFill="1"/>
    <xf numFmtId="178" fontId="4" fillId="0" borderId="21" xfId="4" applyNumberFormat="1" applyFont="1" applyBorder="1" applyAlignment="1">
      <alignment horizontal="center" vertical="center" wrapText="1" shrinkToFit="1"/>
    </xf>
    <xf numFmtId="178" fontId="4" fillId="0" borderId="22" xfId="4" applyNumberFormat="1" applyFont="1" applyFill="1" applyBorder="1" applyAlignment="1">
      <alignment horizontal="right" vertical="center"/>
    </xf>
    <xf numFmtId="178" fontId="4" fillId="0" borderId="20" xfId="4" applyNumberFormat="1" applyFont="1" applyFill="1" applyBorder="1" applyAlignment="1">
      <alignment horizontal="right" vertical="center"/>
    </xf>
    <xf numFmtId="176" fontId="19" fillId="0" borderId="0" xfId="4" applyNumberFormat="1" applyFont="1" applyAlignment="1">
      <alignment vertical="center"/>
    </xf>
    <xf numFmtId="176" fontId="2" fillId="0" borderId="0" xfId="4" applyNumberFormat="1" applyFont="1" applyAlignment="1">
      <alignment horizontal="left" vertical="center"/>
    </xf>
    <xf numFmtId="176" fontId="2" fillId="0" borderId="28" xfId="4" applyNumberFormat="1" applyFont="1" applyBorder="1" applyAlignment="1">
      <alignment horizontal="right" vertical="center"/>
    </xf>
    <xf numFmtId="176" fontId="2" fillId="0" borderId="61" xfId="4" applyNumberFormat="1" applyFont="1" applyBorder="1" applyAlignment="1">
      <alignment horizontal="right" vertical="center"/>
    </xf>
    <xf numFmtId="176" fontId="2" fillId="0" borderId="7" xfId="4" applyNumberFormat="1" applyFont="1" applyBorder="1" applyAlignment="1">
      <alignment horizontal="right" vertical="center"/>
    </xf>
    <xf numFmtId="176" fontId="2" fillId="0" borderId="68" xfId="4" applyNumberFormat="1" applyFont="1" applyBorder="1" applyAlignment="1">
      <alignment horizontal="right" vertical="center"/>
    </xf>
    <xf numFmtId="176" fontId="2" fillId="0" borderId="48" xfId="4" applyNumberFormat="1" applyFont="1" applyBorder="1" applyAlignment="1">
      <alignment horizontal="right" vertical="center"/>
    </xf>
    <xf numFmtId="176" fontId="4" fillId="0" borderId="10" xfId="4" applyNumberFormat="1" applyFont="1" applyBorder="1" applyAlignment="1">
      <alignment horizontal="right" vertical="center"/>
    </xf>
    <xf numFmtId="176" fontId="2" fillId="0" borderId="6" xfId="4" applyNumberFormat="1" applyFont="1" applyBorder="1" applyAlignment="1">
      <alignment horizontal="right" vertical="center"/>
    </xf>
    <xf numFmtId="176" fontId="2" fillId="0" borderId="71" xfId="4" applyNumberFormat="1" applyFont="1" applyBorder="1" applyAlignment="1">
      <alignment horizontal="right" vertical="center"/>
    </xf>
    <xf numFmtId="38" fontId="2" fillId="0" borderId="56" xfId="6" applyFont="1" applyBorder="1" applyAlignment="1">
      <alignment horizontal="distributed" vertical="center"/>
    </xf>
    <xf numFmtId="38" fontId="2" fillId="2" borderId="56" xfId="6" applyFont="1" applyFill="1" applyBorder="1" applyAlignment="1">
      <alignment horizontal="right" vertical="center"/>
    </xf>
    <xf numFmtId="38" fontId="2" fillId="0" borderId="56" xfId="6" applyNumberFormat="1" applyFont="1" applyBorder="1" applyAlignment="1">
      <alignment horizontal="right" vertical="center"/>
    </xf>
    <xf numFmtId="38" fontId="2" fillId="0" borderId="56" xfId="6" applyFont="1" applyBorder="1" applyAlignment="1">
      <alignment vertical="center"/>
    </xf>
    <xf numFmtId="181" fontId="4" fillId="0" borderId="51" xfId="4" applyNumberFormat="1" applyFont="1" applyBorder="1" applyAlignment="1">
      <alignment horizontal="right" vertical="center"/>
    </xf>
    <xf numFmtId="176" fontId="4" fillId="0" borderId="2" xfId="4" applyNumberFormat="1" applyFont="1" applyFill="1" applyBorder="1" applyAlignment="1">
      <alignment horizontal="center" vertical="center"/>
    </xf>
    <xf numFmtId="176" fontId="4" fillId="0" borderId="69" xfId="4" applyNumberFormat="1" applyFont="1" applyFill="1" applyBorder="1" applyAlignment="1">
      <alignment horizontal="left" vertical="center" wrapText="1"/>
    </xf>
    <xf numFmtId="0" fontId="0" fillId="0" borderId="14" xfId="0" applyBorder="1" applyAlignment="1">
      <alignment horizontal="distributed" vertical="center" wrapText="1"/>
    </xf>
    <xf numFmtId="0" fontId="0" fillId="0" borderId="61" xfId="0" applyBorder="1" applyAlignment="1">
      <alignment horizontal="distributed" vertical="center" wrapText="1"/>
    </xf>
    <xf numFmtId="0" fontId="0" fillId="0" borderId="3" xfId="0" applyBorder="1" applyAlignment="1">
      <alignment horizontal="distributed" vertical="center" wrapText="1"/>
    </xf>
    <xf numFmtId="0" fontId="0" fillId="0" borderId="2" xfId="0" applyBorder="1" applyAlignment="1">
      <alignment horizontal="distributed" vertical="center"/>
    </xf>
    <xf numFmtId="176" fontId="4" fillId="0" borderId="62" xfId="4" applyNumberFormat="1" applyFont="1" applyFill="1" applyBorder="1" applyAlignment="1">
      <alignment horizontal="distributed" vertical="center" wrapText="1"/>
    </xf>
    <xf numFmtId="176" fontId="4" fillId="0" borderId="62" xfId="4" applyNumberFormat="1" applyFont="1" applyFill="1" applyBorder="1" applyAlignment="1">
      <alignment horizontal="center" vertical="center"/>
    </xf>
    <xf numFmtId="176" fontId="4" fillId="0" borderId="62" xfId="4" applyNumberFormat="1" applyFont="1" applyFill="1" applyBorder="1" applyAlignment="1">
      <alignment horizontal="right" vertical="center"/>
    </xf>
    <xf numFmtId="182" fontId="4" fillId="0" borderId="62" xfId="4" applyNumberFormat="1" applyFont="1" applyFill="1" applyBorder="1" applyAlignment="1">
      <alignment horizontal="right" vertical="center"/>
    </xf>
    <xf numFmtId="176" fontId="4" fillId="0" borderId="62" xfId="4" applyNumberFormat="1" applyFont="1" applyFill="1" applyBorder="1"/>
    <xf numFmtId="181" fontId="4" fillId="0" borderId="24" xfId="4" applyNumberFormat="1" applyFont="1" applyBorder="1" applyAlignment="1">
      <alignment horizontal="right" vertical="center"/>
    </xf>
    <xf numFmtId="181" fontId="4" fillId="0" borderId="38" xfId="4" applyNumberFormat="1" applyFont="1" applyBorder="1" applyAlignment="1">
      <alignment horizontal="right" vertical="center"/>
    </xf>
    <xf numFmtId="0" fontId="0" fillId="0" borderId="56" xfId="0" applyBorder="1">
      <alignment vertical="center"/>
    </xf>
    <xf numFmtId="176" fontId="14" fillId="2" borderId="0" xfId="11" applyNumberFormat="1" applyFont="1" applyFill="1" applyAlignment="1">
      <alignment vertical="center"/>
    </xf>
    <xf numFmtId="176" fontId="2" fillId="2" borderId="0" xfId="11" applyNumberFormat="1" applyFont="1" applyFill="1" applyAlignment="1">
      <alignment vertical="center"/>
    </xf>
    <xf numFmtId="176" fontId="2" fillId="0" borderId="0" xfId="11" applyNumberFormat="1" applyFont="1" applyAlignment="1">
      <alignment vertical="center"/>
    </xf>
    <xf numFmtId="176" fontId="2" fillId="2" borderId="0" xfId="11" applyNumberFormat="1" applyFont="1" applyFill="1" applyAlignment="1">
      <alignment horizontal="center" vertical="center"/>
    </xf>
    <xf numFmtId="178" fontId="2" fillId="0" borderId="0" xfId="11" applyNumberFormat="1" applyFont="1" applyAlignment="1">
      <alignment vertical="center"/>
    </xf>
    <xf numFmtId="176" fontId="2" fillId="0" borderId="0" xfId="11" applyNumberFormat="1" applyFont="1" applyAlignment="1">
      <alignment vertical="center" shrinkToFit="1"/>
    </xf>
    <xf numFmtId="176" fontId="1" fillId="2" borderId="0" xfId="11" applyNumberFormat="1" applyFill="1" applyAlignment="1">
      <alignment vertical="center"/>
    </xf>
    <xf numFmtId="176" fontId="2" fillId="0" borderId="59" xfId="11" applyNumberFormat="1" applyFont="1" applyBorder="1" applyAlignment="1">
      <alignment vertical="center"/>
    </xf>
    <xf numFmtId="176" fontId="4" fillId="2" borderId="9" xfId="11" applyNumberFormat="1" applyFont="1" applyFill="1" applyBorder="1" applyAlignment="1">
      <alignment horizontal="distributed" vertical="center"/>
    </xf>
    <xf numFmtId="176" fontId="4" fillId="0" borderId="0" xfId="11" applyNumberFormat="1" applyFont="1" applyAlignment="1">
      <alignment horizontal="distributed" vertical="center"/>
    </xf>
    <xf numFmtId="176" fontId="8" fillId="2" borderId="11" xfId="11" applyNumberFormat="1" applyFont="1" applyFill="1" applyBorder="1" applyAlignment="1">
      <alignment horizontal="distributed" vertical="center"/>
    </xf>
    <xf numFmtId="176" fontId="4" fillId="2" borderId="56" xfId="11" applyNumberFormat="1" applyFont="1" applyFill="1" applyBorder="1" applyAlignment="1">
      <alignment horizontal="distributed" vertical="center"/>
    </xf>
    <xf numFmtId="176" fontId="4" fillId="2" borderId="56" xfId="11" applyNumberFormat="1" applyFont="1" applyFill="1" applyBorder="1" applyAlignment="1">
      <alignment vertical="center"/>
    </xf>
    <xf numFmtId="176" fontId="4" fillId="2" borderId="55" xfId="11" applyNumberFormat="1" applyFont="1" applyFill="1" applyBorder="1" applyAlignment="1">
      <alignment horizontal="distributed" vertical="center"/>
    </xf>
    <xf numFmtId="176" fontId="4" fillId="2" borderId="70" xfId="11" applyNumberFormat="1" applyFont="1" applyFill="1" applyBorder="1" applyAlignment="1">
      <alignment horizontal="distributed" vertical="center"/>
    </xf>
    <xf numFmtId="176" fontId="4" fillId="0" borderId="56" xfId="11" applyNumberFormat="1" applyFont="1" applyBorder="1" applyAlignment="1">
      <alignment horizontal="distributed" vertical="center"/>
    </xf>
    <xf numFmtId="176" fontId="4" fillId="2" borderId="55" xfId="11" applyNumberFormat="1" applyFont="1" applyFill="1" applyBorder="1" applyAlignment="1">
      <alignment vertical="center"/>
    </xf>
    <xf numFmtId="176" fontId="4" fillId="2" borderId="0" xfId="11" applyNumberFormat="1" applyFont="1" applyFill="1" applyAlignment="1">
      <alignment horizontal="distributed" vertical="center"/>
    </xf>
    <xf numFmtId="176" fontId="4" fillId="2" borderId="53" xfId="11" applyNumberFormat="1" applyFont="1" applyFill="1" applyBorder="1" applyAlignment="1">
      <alignment horizontal="distributed" vertical="center"/>
    </xf>
    <xf numFmtId="176" fontId="4" fillId="2" borderId="35" xfId="11" applyNumberFormat="1" applyFont="1" applyFill="1" applyBorder="1" applyAlignment="1">
      <alignment horizontal="distributed" vertical="center"/>
    </xf>
    <xf numFmtId="176" fontId="4" fillId="2" borderId="35" xfId="11" applyNumberFormat="1" applyFont="1" applyFill="1" applyBorder="1" applyAlignment="1">
      <alignment vertical="center"/>
    </xf>
    <xf numFmtId="176" fontId="4" fillId="2" borderId="77" xfId="11" applyNumberFormat="1" applyFont="1" applyFill="1" applyBorder="1" applyAlignment="1">
      <alignment horizontal="distributed" vertical="center"/>
    </xf>
    <xf numFmtId="176" fontId="4" fillId="2" borderId="22" xfId="11" applyNumberFormat="1" applyFont="1" applyFill="1" applyBorder="1" applyAlignment="1">
      <alignment horizontal="distributed" vertical="center"/>
    </xf>
    <xf numFmtId="176" fontId="4" fillId="2" borderId="28" xfId="11" applyNumberFormat="1" applyFont="1" applyFill="1" applyBorder="1" applyAlignment="1">
      <alignment vertical="center"/>
    </xf>
    <xf numFmtId="176" fontId="4" fillId="0" borderId="35" xfId="11" applyNumberFormat="1" applyFont="1" applyBorder="1" applyAlignment="1">
      <alignment vertical="center"/>
    </xf>
    <xf numFmtId="176" fontId="4" fillId="2" borderId="77" xfId="11" applyNumberFormat="1" applyFont="1" applyFill="1" applyBorder="1" applyAlignment="1">
      <alignment vertical="center"/>
    </xf>
    <xf numFmtId="176" fontId="4" fillId="2" borderId="4" xfId="11" applyNumberFormat="1" applyFont="1" applyFill="1" applyBorder="1" applyAlignment="1">
      <alignment horizontal="distributed" vertical="center"/>
    </xf>
    <xf numFmtId="176" fontId="4" fillId="0" borderId="59" xfId="11" applyNumberFormat="1" applyFont="1" applyBorder="1" applyAlignment="1">
      <alignment horizontal="center" vertical="center"/>
    </xf>
    <xf numFmtId="176" fontId="4" fillId="0" borderId="66" xfId="11" applyNumberFormat="1" applyFont="1" applyBorder="1" applyAlignment="1">
      <alignment horizontal="center" vertical="center"/>
    </xf>
    <xf numFmtId="176" fontId="4" fillId="0" borderId="72" xfId="11" applyNumberFormat="1" applyFont="1" applyBorder="1" applyAlignment="1">
      <alignment horizontal="center" vertical="center"/>
    </xf>
    <xf numFmtId="176" fontId="4" fillId="0" borderId="68" xfId="11" applyNumberFormat="1" applyFont="1" applyBorder="1" applyAlignment="1">
      <alignment horizontal="center" vertical="center"/>
    </xf>
    <xf numFmtId="176" fontId="4" fillId="2" borderId="68" xfId="11" applyNumberFormat="1" applyFont="1" applyFill="1" applyBorder="1" applyAlignment="1">
      <alignment horizontal="center" vertical="center"/>
    </xf>
    <xf numFmtId="176" fontId="4" fillId="2" borderId="66" xfId="11" applyNumberFormat="1" applyFont="1" applyFill="1" applyBorder="1" applyAlignment="1">
      <alignment horizontal="center" vertical="center"/>
    </xf>
    <xf numFmtId="176" fontId="4" fillId="2" borderId="59" xfId="11" applyNumberFormat="1" applyFont="1" applyFill="1" applyBorder="1" applyAlignment="1">
      <alignment horizontal="center" vertical="center"/>
    </xf>
    <xf numFmtId="176" fontId="4" fillId="0" borderId="64" xfId="11" applyNumberFormat="1" applyFont="1" applyBorder="1" applyAlignment="1">
      <alignment horizontal="center" vertical="center"/>
    </xf>
    <xf numFmtId="176" fontId="4" fillId="0" borderId="5" xfId="11" applyNumberFormat="1" applyFont="1" applyBorder="1" applyAlignment="1">
      <alignment horizontal="distributed" vertical="center"/>
    </xf>
    <xf numFmtId="176" fontId="4" fillId="0" borderId="2" xfId="11" applyNumberFormat="1" applyFont="1" applyBorder="1" applyAlignment="1">
      <alignment horizontal="distributed" vertical="center"/>
    </xf>
    <xf numFmtId="176" fontId="4" fillId="0" borderId="1" xfId="11" applyNumberFormat="1" applyFont="1" applyBorder="1" applyAlignment="1">
      <alignment horizontal="distributed" vertical="center"/>
    </xf>
    <xf numFmtId="176" fontId="4" fillId="2" borderId="28" xfId="11" applyNumberFormat="1" applyFont="1" applyFill="1" applyBorder="1" applyAlignment="1">
      <alignment horizontal="distributed" vertical="center"/>
    </xf>
    <xf numFmtId="176" fontId="4" fillId="2" borderId="50" xfId="11" applyNumberFormat="1" applyFont="1" applyFill="1" applyBorder="1" applyAlignment="1">
      <alignment horizontal="center" vertical="center"/>
    </xf>
    <xf numFmtId="176" fontId="4" fillId="2" borderId="47" xfId="11" applyNumberFormat="1" applyFont="1" applyFill="1" applyBorder="1" applyAlignment="1">
      <alignment horizontal="center" vertical="center"/>
    </xf>
    <xf numFmtId="176" fontId="4" fillId="2" borderId="58" xfId="11" applyNumberFormat="1" applyFont="1" applyFill="1" applyBorder="1" applyAlignment="1">
      <alignment horizontal="center" vertical="center"/>
    </xf>
    <xf numFmtId="176" fontId="4" fillId="2" borderId="56" xfId="11" applyNumberFormat="1" applyFont="1" applyFill="1" applyBorder="1" applyAlignment="1">
      <alignment horizontal="center" vertical="center"/>
    </xf>
    <xf numFmtId="176" fontId="4" fillId="2" borderId="6" xfId="11" applyNumberFormat="1" applyFont="1" applyFill="1" applyBorder="1" applyAlignment="1">
      <alignment horizontal="center" vertical="center"/>
    </xf>
    <xf numFmtId="176" fontId="4" fillId="2" borderId="46" xfId="11" applyNumberFormat="1" applyFont="1" applyFill="1" applyBorder="1" applyAlignment="1">
      <alignment horizontal="center" vertical="center"/>
    </xf>
    <xf numFmtId="176" fontId="4" fillId="0" borderId="47" xfId="11" applyNumberFormat="1" applyFont="1" applyBorder="1" applyAlignment="1">
      <alignment horizontal="center" vertical="center"/>
    </xf>
    <xf numFmtId="176" fontId="4" fillId="2" borderId="43" xfId="11" applyNumberFormat="1" applyFont="1" applyFill="1" applyBorder="1" applyAlignment="1">
      <alignment horizontal="center" vertical="center"/>
    </xf>
    <xf numFmtId="176" fontId="4" fillId="0" borderId="58" xfId="11" applyNumberFormat="1" applyFont="1" applyBorder="1" applyAlignment="1">
      <alignment horizontal="center" vertical="center"/>
    </xf>
    <xf numFmtId="176" fontId="4" fillId="0" borderId="43" xfId="11" applyNumberFormat="1" applyFont="1" applyBorder="1" applyAlignment="1">
      <alignment horizontal="center" vertical="center"/>
    </xf>
    <xf numFmtId="176" fontId="4" fillId="0" borderId="50" xfId="11" applyNumberFormat="1" applyFont="1" applyBorder="1" applyAlignment="1">
      <alignment horizontal="center" vertical="center"/>
    </xf>
    <xf numFmtId="176" fontId="4" fillId="0" borderId="76" xfId="11" applyNumberFormat="1" applyFont="1" applyBorder="1" applyAlignment="1">
      <alignment horizontal="center" vertical="center"/>
    </xf>
    <xf numFmtId="176" fontId="4" fillId="0" borderId="46" xfId="11" applyNumberFormat="1" applyFont="1" applyBorder="1" applyAlignment="1">
      <alignment horizontal="center" vertical="center"/>
    </xf>
    <xf numFmtId="176" fontId="4" fillId="0" borderId="25" xfId="11" applyNumberFormat="1" applyFont="1" applyBorder="1" applyAlignment="1">
      <alignment vertical="center"/>
    </xf>
    <xf numFmtId="176" fontId="4" fillId="0" borderId="43" xfId="11" applyNumberFormat="1" applyFont="1" applyBorder="1" applyAlignment="1">
      <alignment vertical="center"/>
    </xf>
    <xf numFmtId="176" fontId="4" fillId="0" borderId="0" xfId="11" applyNumberFormat="1" applyFont="1" applyAlignment="1">
      <alignment vertical="center"/>
    </xf>
    <xf numFmtId="176" fontId="4" fillId="2" borderId="42" xfId="11" applyNumberFormat="1" applyFont="1" applyFill="1" applyBorder="1" applyAlignment="1">
      <alignment horizontal="distributed" vertical="center"/>
    </xf>
    <xf numFmtId="176" fontId="4" fillId="2" borderId="49" xfId="11" applyNumberFormat="1" applyFont="1" applyFill="1" applyBorder="1" applyAlignment="1">
      <alignment horizontal="center" vertical="center"/>
    </xf>
    <xf numFmtId="176" fontId="4" fillId="2" borderId="21" xfId="11" applyNumberFormat="1" applyFont="1" applyFill="1" applyBorder="1" applyAlignment="1">
      <alignment horizontal="center" vertical="center"/>
    </xf>
    <xf numFmtId="176" fontId="4" fillId="2" borderId="0" xfId="11" applyNumberFormat="1" applyFont="1" applyFill="1" applyAlignment="1">
      <alignment horizontal="center" vertical="center"/>
    </xf>
    <xf numFmtId="176" fontId="4" fillId="2" borderId="41" xfId="11" applyNumberFormat="1" applyFont="1" applyFill="1" applyBorder="1" applyAlignment="1">
      <alignment horizontal="center" vertical="center"/>
    </xf>
    <xf numFmtId="176" fontId="4" fillId="2" borderId="17" xfId="11" applyNumberFormat="1" applyFont="1" applyFill="1" applyBorder="1" applyAlignment="1">
      <alignment horizontal="center" vertical="center"/>
    </xf>
    <xf numFmtId="176" fontId="4" fillId="2" borderId="37" xfId="11" applyNumberFormat="1" applyFont="1" applyFill="1" applyBorder="1" applyAlignment="1">
      <alignment horizontal="center" vertical="center"/>
    </xf>
    <xf numFmtId="0" fontId="4" fillId="2" borderId="79" xfId="11" applyFont="1" applyFill="1" applyBorder="1" applyAlignment="1">
      <alignment horizontal="center" vertical="center"/>
    </xf>
    <xf numFmtId="176" fontId="4" fillId="2" borderId="22" xfId="11" applyNumberFormat="1" applyFont="1" applyFill="1" applyBorder="1" applyAlignment="1">
      <alignment horizontal="center" vertical="center"/>
    </xf>
    <xf numFmtId="176" fontId="4" fillId="0" borderId="21" xfId="11" applyNumberFormat="1" applyFont="1" applyBorder="1" applyAlignment="1">
      <alignment horizontal="center" vertical="center"/>
    </xf>
    <xf numFmtId="176" fontId="4" fillId="0" borderId="18" xfId="11" applyNumberFormat="1" applyFont="1" applyBorder="1" applyAlignment="1">
      <alignment horizontal="center" vertical="center"/>
    </xf>
    <xf numFmtId="176" fontId="4" fillId="0" borderId="19" xfId="11" applyNumberFormat="1" applyFont="1" applyBorder="1" applyAlignment="1">
      <alignment horizontal="center" vertical="center"/>
    </xf>
    <xf numFmtId="176" fontId="4" fillId="2" borderId="36" xfId="11" applyNumberFormat="1" applyFont="1" applyFill="1" applyBorder="1" applyAlignment="1">
      <alignment horizontal="center" vertical="center"/>
    </xf>
    <xf numFmtId="176" fontId="4" fillId="0" borderId="80" xfId="11" applyNumberFormat="1" applyFont="1" applyBorder="1" applyAlignment="1">
      <alignment horizontal="center" vertical="center"/>
    </xf>
    <xf numFmtId="176" fontId="4" fillId="2" borderId="40" xfId="11" applyNumberFormat="1" applyFont="1" applyFill="1" applyBorder="1" applyAlignment="1">
      <alignment horizontal="center" vertical="center"/>
    </xf>
    <xf numFmtId="176" fontId="4" fillId="0" borderId="39" xfId="11" applyNumberFormat="1" applyFont="1" applyBorder="1" applyAlignment="1">
      <alignment vertical="center"/>
    </xf>
    <xf numFmtId="176" fontId="4" fillId="0" borderId="37" xfId="11" applyNumberFormat="1" applyFont="1" applyBorder="1" applyAlignment="1">
      <alignment vertical="center"/>
    </xf>
    <xf numFmtId="176" fontId="4" fillId="2" borderId="42" xfId="11" applyNumberFormat="1" applyFont="1" applyFill="1" applyBorder="1" applyAlignment="1">
      <alignment horizontal="center" vertical="center"/>
    </xf>
    <xf numFmtId="176" fontId="4" fillId="0" borderId="17" xfId="11" applyNumberFormat="1" applyFont="1" applyBorder="1" applyAlignment="1">
      <alignment horizontal="center" vertical="center"/>
    </xf>
    <xf numFmtId="176" fontId="4" fillId="0" borderId="41" xfId="11" applyNumberFormat="1" applyFont="1" applyBorder="1" applyAlignment="1">
      <alignment horizontal="center" vertical="center"/>
    </xf>
    <xf numFmtId="176" fontId="4" fillId="0" borderId="37" xfId="11" applyNumberFormat="1" applyFont="1" applyBorder="1" applyAlignment="1">
      <alignment horizontal="center" vertical="center"/>
    </xf>
    <xf numFmtId="176" fontId="4" fillId="0" borderId="38" xfId="11" applyNumberFormat="1" applyFont="1" applyBorder="1" applyAlignment="1">
      <alignment horizontal="center" vertical="center"/>
    </xf>
    <xf numFmtId="176" fontId="4" fillId="0" borderId="79" xfId="11" applyNumberFormat="1" applyFont="1" applyBorder="1" applyAlignment="1">
      <alignment horizontal="center" vertical="center"/>
    </xf>
    <xf numFmtId="176" fontId="4" fillId="2" borderId="68" xfId="11" applyNumberFormat="1" applyFont="1" applyFill="1" applyBorder="1" applyAlignment="1">
      <alignment horizontal="distributed" vertical="center"/>
    </xf>
    <xf numFmtId="176" fontId="4" fillId="2" borderId="64" xfId="11" applyNumberFormat="1" applyFont="1" applyFill="1" applyBorder="1" applyAlignment="1">
      <alignment horizontal="center" vertical="center"/>
    </xf>
    <xf numFmtId="176" fontId="4" fillId="2" borderId="72" xfId="11" applyNumberFormat="1" applyFont="1" applyFill="1" applyBorder="1" applyAlignment="1">
      <alignment horizontal="center" vertical="center"/>
    </xf>
    <xf numFmtId="0" fontId="4" fillId="2" borderId="80" xfId="11" applyFont="1" applyFill="1" applyBorder="1" applyAlignment="1">
      <alignment horizontal="center" vertical="center"/>
    </xf>
    <xf numFmtId="176" fontId="4" fillId="0" borderId="65" xfId="11" applyNumberFormat="1" applyFont="1" applyBorder="1" applyAlignment="1">
      <alignment horizontal="center" vertical="center"/>
    </xf>
    <xf numFmtId="176" fontId="4" fillId="2" borderId="73" xfId="11" applyNumberFormat="1" applyFont="1" applyFill="1" applyBorder="1" applyAlignment="1">
      <alignment horizontal="center" vertical="center"/>
    </xf>
    <xf numFmtId="176" fontId="4" fillId="0" borderId="78" xfId="11" applyNumberFormat="1" applyFont="1" applyBorder="1" applyAlignment="1">
      <alignment horizontal="center" vertical="center"/>
    </xf>
    <xf numFmtId="176" fontId="4" fillId="2" borderId="63" xfId="11" applyNumberFormat="1" applyFont="1" applyFill="1" applyBorder="1" applyAlignment="1">
      <alignment horizontal="center" vertical="center"/>
    </xf>
    <xf numFmtId="176" fontId="4" fillId="0" borderId="73" xfId="11" applyNumberFormat="1" applyFont="1" applyBorder="1" applyAlignment="1">
      <alignment vertical="center"/>
    </xf>
    <xf numFmtId="176" fontId="4" fillId="0" borderId="72" xfId="11" applyNumberFormat="1" applyFont="1" applyBorder="1" applyAlignment="1">
      <alignment vertical="center"/>
    </xf>
    <xf numFmtId="176" fontId="4" fillId="2" borderId="28" xfId="11" applyNumberFormat="1" applyFont="1" applyFill="1" applyBorder="1" applyAlignment="1">
      <alignment horizontal="center" vertical="center"/>
    </xf>
    <xf numFmtId="176" fontId="4" fillId="2" borderId="27" xfId="11" applyNumberFormat="1" applyFont="1" applyFill="1" applyBorder="1" applyAlignment="1">
      <alignment horizontal="center" vertical="center"/>
    </xf>
    <xf numFmtId="176" fontId="4" fillId="2" borderId="35" xfId="11" applyNumberFormat="1" applyFont="1" applyFill="1" applyBorder="1" applyAlignment="1">
      <alignment horizontal="center" vertical="center"/>
    </xf>
    <xf numFmtId="0" fontId="4" fillId="2" borderId="46" xfId="11" applyFont="1" applyFill="1" applyBorder="1" applyAlignment="1">
      <alignment horizontal="center" vertical="center"/>
    </xf>
    <xf numFmtId="176" fontId="4" fillId="0" borderId="27" xfId="11" applyNumberFormat="1" applyFont="1" applyBorder="1" applyAlignment="1">
      <alignment horizontal="center" vertical="center"/>
    </xf>
    <xf numFmtId="176" fontId="4" fillId="2" borderId="23" xfId="11" applyNumberFormat="1" applyFont="1" applyFill="1" applyBorder="1" applyAlignment="1">
      <alignment horizontal="center" vertical="center"/>
    </xf>
    <xf numFmtId="176" fontId="4" fillId="0" borderId="23" xfId="11" applyNumberFormat="1" applyFont="1" applyBorder="1" applyAlignment="1">
      <alignment horizontal="center" vertical="center"/>
    </xf>
    <xf numFmtId="176" fontId="4" fillId="0" borderId="24" xfId="11" applyNumberFormat="1" applyFont="1" applyBorder="1" applyAlignment="1">
      <alignment horizontal="center" vertical="center"/>
    </xf>
    <xf numFmtId="176" fontId="4" fillId="2" borderId="74" xfId="11" applyNumberFormat="1" applyFont="1" applyFill="1" applyBorder="1" applyAlignment="1">
      <alignment horizontal="center" vertical="center"/>
    </xf>
    <xf numFmtId="176" fontId="4" fillId="0" borderId="77" xfId="11" applyNumberFormat="1" applyFont="1" applyBorder="1" applyAlignment="1">
      <alignment horizontal="center" vertical="center"/>
    </xf>
    <xf numFmtId="0" fontId="4" fillId="2" borderId="63" xfId="11" applyFont="1" applyFill="1" applyBorder="1" applyAlignment="1">
      <alignment horizontal="center" vertical="center"/>
    </xf>
    <xf numFmtId="176" fontId="4" fillId="2" borderId="48" xfId="11" applyNumberFormat="1" applyFont="1" applyFill="1" applyBorder="1" applyAlignment="1">
      <alignment horizontal="center" vertical="center"/>
    </xf>
    <xf numFmtId="176" fontId="4" fillId="2" borderId="44" xfId="11" applyNumberFormat="1" applyFont="1" applyFill="1" applyBorder="1" applyAlignment="1">
      <alignment horizontal="center" vertical="center"/>
    </xf>
    <xf numFmtId="176" fontId="4" fillId="0" borderId="50" xfId="11" applyNumberFormat="1" applyFont="1" applyBorder="1" applyAlignment="1">
      <alignment vertical="center"/>
    </xf>
    <xf numFmtId="0" fontId="4" fillId="2" borderId="40" xfId="11" applyFont="1" applyFill="1" applyBorder="1" applyAlignment="1">
      <alignment horizontal="center" vertical="center"/>
    </xf>
    <xf numFmtId="176" fontId="4" fillId="2" borderId="38" xfId="11" applyNumberFormat="1" applyFont="1" applyFill="1" applyBorder="1" applyAlignment="1">
      <alignment horizontal="center" vertical="center"/>
    </xf>
    <xf numFmtId="176" fontId="4" fillId="0" borderId="49" xfId="11" applyNumberFormat="1" applyFont="1" applyBorder="1" applyAlignment="1">
      <alignment vertical="center"/>
    </xf>
    <xf numFmtId="0" fontId="4" fillId="2" borderId="15" xfId="11" applyFont="1" applyFill="1" applyBorder="1" applyAlignment="1">
      <alignment horizontal="center" vertical="center"/>
    </xf>
    <xf numFmtId="176" fontId="4" fillId="2" borderId="65" xfId="11" applyNumberFormat="1" applyFont="1" applyFill="1" applyBorder="1" applyAlignment="1">
      <alignment horizontal="center" vertical="center"/>
    </xf>
    <xf numFmtId="176" fontId="4" fillId="2" borderId="69" xfId="11" applyNumberFormat="1" applyFont="1" applyFill="1" applyBorder="1" applyAlignment="1">
      <alignment horizontal="distributed" vertical="center"/>
    </xf>
    <xf numFmtId="176" fontId="4" fillId="2" borderId="13" xfId="11" applyNumberFormat="1" applyFont="1" applyFill="1" applyBorder="1" applyAlignment="1">
      <alignment horizontal="center" vertical="center"/>
    </xf>
    <xf numFmtId="176" fontId="4" fillId="2" borderId="54" xfId="11" applyNumberFormat="1" applyFont="1" applyFill="1" applyBorder="1" applyAlignment="1">
      <alignment horizontal="center" vertical="center"/>
    </xf>
    <xf numFmtId="176" fontId="4" fillId="2" borderId="12" xfId="11" applyNumberFormat="1" applyFont="1" applyFill="1" applyBorder="1" applyAlignment="1">
      <alignment horizontal="center" vertical="center"/>
    </xf>
    <xf numFmtId="176" fontId="4" fillId="0" borderId="13" xfId="11" applyNumberFormat="1" applyFont="1" applyBorder="1" applyAlignment="1">
      <alignment horizontal="center" vertical="center"/>
    </xf>
    <xf numFmtId="176" fontId="4" fillId="0" borderId="12" xfId="11" applyNumberFormat="1" applyFont="1" applyBorder="1" applyAlignment="1">
      <alignment horizontal="center" vertical="center"/>
    </xf>
    <xf numFmtId="176" fontId="4" fillId="0" borderId="51" xfId="11" applyNumberFormat="1" applyFont="1" applyBorder="1" applyAlignment="1">
      <alignment horizontal="center" vertical="center"/>
    </xf>
    <xf numFmtId="176" fontId="4" fillId="2" borderId="34" xfId="11" applyNumberFormat="1" applyFont="1" applyFill="1" applyBorder="1" applyAlignment="1">
      <alignment horizontal="center" vertical="center"/>
    </xf>
    <xf numFmtId="176" fontId="4" fillId="2" borderId="33" xfId="11" applyNumberFormat="1" applyFont="1" applyFill="1" applyBorder="1" applyAlignment="1">
      <alignment horizontal="center" vertical="center"/>
    </xf>
    <xf numFmtId="176" fontId="4" fillId="2" borderId="62" xfId="11" applyNumberFormat="1" applyFont="1" applyFill="1" applyBorder="1" applyAlignment="1">
      <alignment horizontal="center" vertical="center"/>
    </xf>
    <xf numFmtId="176" fontId="4" fillId="2" borderId="29" xfId="11" applyNumberFormat="1" applyFont="1" applyFill="1" applyBorder="1" applyAlignment="1">
      <alignment horizontal="center" vertical="center"/>
    </xf>
    <xf numFmtId="176" fontId="4" fillId="2" borderId="9" xfId="11" applyNumberFormat="1" applyFont="1" applyFill="1" applyBorder="1" applyAlignment="1">
      <alignment horizontal="center" vertical="center"/>
    </xf>
    <xf numFmtId="176" fontId="4" fillId="0" borderId="33" xfId="11" applyNumberFormat="1" applyFont="1" applyBorder="1" applyAlignment="1">
      <alignment horizontal="center" vertical="center"/>
    </xf>
    <xf numFmtId="176" fontId="4" fillId="0" borderId="29" xfId="11" applyNumberFormat="1" applyFont="1" applyBorder="1" applyAlignment="1">
      <alignment horizontal="center" vertical="center"/>
    </xf>
    <xf numFmtId="176" fontId="4" fillId="2" borderId="71" xfId="11" applyNumberFormat="1" applyFont="1" applyFill="1" applyBorder="1" applyAlignment="1">
      <alignment horizontal="center" vertical="center"/>
    </xf>
    <xf numFmtId="176" fontId="4" fillId="0" borderId="75" xfId="11" applyNumberFormat="1" applyFont="1" applyBorder="1" applyAlignment="1">
      <alignment horizontal="center" vertical="center"/>
    </xf>
    <xf numFmtId="176" fontId="4" fillId="2" borderId="75" xfId="11" applyNumberFormat="1" applyFont="1" applyFill="1" applyBorder="1" applyAlignment="1">
      <alignment horizontal="center" vertical="center"/>
    </xf>
    <xf numFmtId="176" fontId="4" fillId="2" borderId="30" xfId="11" applyNumberFormat="1" applyFont="1" applyFill="1" applyBorder="1" applyAlignment="1">
      <alignment horizontal="center" vertical="center"/>
    </xf>
    <xf numFmtId="176" fontId="4" fillId="0" borderId="71" xfId="11" applyNumberFormat="1" applyFont="1" applyBorder="1" applyAlignment="1">
      <alignment vertical="center"/>
    </xf>
    <xf numFmtId="176" fontId="4" fillId="0" borderId="29" xfId="11" applyNumberFormat="1" applyFont="1" applyBorder="1" applyAlignment="1">
      <alignment vertical="center"/>
    </xf>
    <xf numFmtId="176" fontId="4" fillId="2" borderId="69" xfId="11" applyNumberFormat="1" applyFont="1" applyFill="1" applyBorder="1" applyAlignment="1">
      <alignment horizontal="center" vertical="center"/>
    </xf>
    <xf numFmtId="176" fontId="4" fillId="0" borderId="39" xfId="11" applyNumberFormat="1" applyFont="1" applyBorder="1" applyAlignment="1">
      <alignment horizontal="center" vertical="center"/>
    </xf>
    <xf numFmtId="176" fontId="4" fillId="2" borderId="16" xfId="11" applyNumberFormat="1" applyFont="1" applyFill="1" applyBorder="1" applyAlignment="1">
      <alignment horizontal="center" vertical="center"/>
    </xf>
    <xf numFmtId="176" fontId="4" fillId="2" borderId="26" xfId="11" applyNumberFormat="1" applyFont="1" applyFill="1" applyBorder="1" applyAlignment="1">
      <alignment horizontal="center" vertical="center"/>
    </xf>
    <xf numFmtId="176" fontId="4" fillId="2" borderId="15" xfId="11" applyNumberFormat="1" applyFont="1" applyFill="1" applyBorder="1" applyAlignment="1">
      <alignment horizontal="center" vertical="center"/>
    </xf>
    <xf numFmtId="176" fontId="4" fillId="0" borderId="62" xfId="11" applyNumberFormat="1" applyFont="1" applyBorder="1" applyAlignment="1">
      <alignment horizontal="center" vertical="center"/>
    </xf>
    <xf numFmtId="176" fontId="4" fillId="2" borderId="53" xfId="11" applyNumberFormat="1" applyFont="1" applyFill="1" applyBorder="1" applyAlignment="1">
      <alignment horizontal="center" vertical="center"/>
    </xf>
    <xf numFmtId="176" fontId="4" fillId="2" borderId="61" xfId="11" applyNumberFormat="1" applyFont="1" applyFill="1" applyBorder="1" applyAlignment="1">
      <alignment horizontal="center" vertical="center"/>
    </xf>
    <xf numFmtId="176" fontId="4" fillId="2" borderId="60" xfId="11" applyNumberFormat="1" applyFont="1" applyFill="1" applyBorder="1" applyAlignment="1">
      <alignment horizontal="center" vertical="center"/>
    </xf>
    <xf numFmtId="176" fontId="4" fillId="2" borderId="2" xfId="11" applyNumberFormat="1" applyFont="1" applyFill="1" applyBorder="1" applyAlignment="1">
      <alignment horizontal="center" vertical="center"/>
    </xf>
    <xf numFmtId="176" fontId="4" fillId="2" borderId="1" xfId="11" applyNumberFormat="1" applyFont="1" applyFill="1" applyBorder="1" applyAlignment="1">
      <alignment horizontal="center" vertical="center"/>
    </xf>
    <xf numFmtId="176" fontId="4" fillId="0" borderId="2" xfId="11" applyNumberFormat="1" applyFont="1" applyBorder="1" applyAlignment="1">
      <alignment horizontal="center" vertical="center"/>
    </xf>
    <xf numFmtId="176" fontId="4" fillId="0" borderId="1" xfId="11" applyNumberFormat="1" applyFont="1" applyBorder="1" applyAlignment="1">
      <alignment horizontal="center" vertical="center"/>
    </xf>
    <xf numFmtId="176" fontId="4" fillId="2" borderId="5" xfId="11" applyNumberFormat="1" applyFont="1" applyFill="1" applyBorder="1" applyAlignment="1">
      <alignment horizontal="center" vertical="center"/>
    </xf>
    <xf numFmtId="176" fontId="4" fillId="0" borderId="52" xfId="11" applyNumberFormat="1" applyFont="1" applyBorder="1" applyAlignment="1">
      <alignment horizontal="center" vertical="center"/>
    </xf>
    <xf numFmtId="176" fontId="4" fillId="0" borderId="20" xfId="11" applyNumberFormat="1" applyFont="1" applyBorder="1" applyAlignment="1">
      <alignment vertical="center"/>
    </xf>
    <xf numFmtId="176" fontId="4" fillId="0" borderId="18" xfId="11" applyNumberFormat="1" applyFont="1" applyBorder="1" applyAlignment="1">
      <alignment vertical="center"/>
    </xf>
    <xf numFmtId="176" fontId="8" fillId="2" borderId="9" xfId="11" applyNumberFormat="1" applyFont="1" applyFill="1" applyBorder="1" applyAlignment="1">
      <alignment horizontal="distributed" vertical="center" wrapText="1"/>
    </xf>
    <xf numFmtId="176" fontId="4" fillId="2" borderId="70" xfId="11" applyNumberFormat="1" applyFont="1" applyFill="1" applyBorder="1" applyAlignment="1">
      <alignment horizontal="center" vertical="center"/>
    </xf>
    <xf numFmtId="176" fontId="4" fillId="2" borderId="7" xfId="11" applyNumberFormat="1" applyFont="1" applyFill="1" applyBorder="1" applyAlignment="1">
      <alignment horizontal="center" vertical="center"/>
    </xf>
    <xf numFmtId="176" fontId="4" fillId="0" borderId="7" xfId="11" applyNumberFormat="1" applyFont="1" applyBorder="1" applyAlignment="1">
      <alignment horizontal="center" vertical="center"/>
    </xf>
    <xf numFmtId="176" fontId="4" fillId="0" borderId="56" xfId="11" applyNumberFormat="1" applyFont="1" applyBorder="1" applyAlignment="1">
      <alignment horizontal="center" vertical="center"/>
    </xf>
    <xf numFmtId="176" fontId="4" fillId="0" borderId="6" xfId="11" applyNumberFormat="1" applyFont="1" applyBorder="1" applyAlignment="1">
      <alignment horizontal="center" vertical="center"/>
    </xf>
    <xf numFmtId="176" fontId="4" fillId="0" borderId="10" xfId="11" applyNumberFormat="1" applyFont="1" applyBorder="1" applyAlignment="1">
      <alignment horizontal="center" vertical="center"/>
    </xf>
    <xf numFmtId="176" fontId="4" fillId="0" borderId="55" xfId="11" applyNumberFormat="1" applyFont="1" applyBorder="1" applyAlignment="1">
      <alignment horizontal="center" vertical="center"/>
    </xf>
    <xf numFmtId="176" fontId="4" fillId="0" borderId="0" xfId="11" applyNumberFormat="1" applyFont="1"/>
    <xf numFmtId="176" fontId="8" fillId="2" borderId="15" xfId="11" applyNumberFormat="1" applyFont="1" applyFill="1" applyBorder="1" applyAlignment="1">
      <alignment horizontal="distributed" vertical="center" wrapText="1"/>
    </xf>
    <xf numFmtId="176" fontId="4" fillId="0" borderId="54" xfId="11" applyNumberFormat="1" applyFont="1" applyBorder="1" applyAlignment="1">
      <alignment horizontal="center" vertical="center"/>
    </xf>
    <xf numFmtId="176" fontId="4" fillId="0" borderId="49" xfId="11" applyNumberFormat="1" applyFont="1" applyBorder="1" applyAlignment="1">
      <alignment horizontal="center" vertical="center"/>
    </xf>
    <xf numFmtId="176" fontId="8" fillId="2" borderId="40" xfId="11" applyNumberFormat="1" applyFont="1" applyFill="1" applyBorder="1" applyAlignment="1">
      <alignment horizontal="distributed" vertical="center" wrapText="1"/>
    </xf>
    <xf numFmtId="176" fontId="4" fillId="0" borderId="74" xfId="11" applyNumberFormat="1" applyFont="1" applyBorder="1" applyAlignment="1">
      <alignment horizontal="center" vertical="center"/>
    </xf>
    <xf numFmtId="176" fontId="2" fillId="2" borderId="40" xfId="11" applyNumberFormat="1" applyFont="1" applyFill="1" applyBorder="1" applyAlignment="1">
      <alignment horizontal="center" vertical="center"/>
    </xf>
    <xf numFmtId="176" fontId="2" fillId="2" borderId="42" xfId="11" applyNumberFormat="1" applyFont="1" applyFill="1" applyBorder="1" applyAlignment="1">
      <alignment horizontal="center" vertical="center"/>
    </xf>
    <xf numFmtId="176" fontId="2" fillId="0" borderId="49" xfId="11" applyNumberFormat="1" applyFont="1" applyBorder="1" applyAlignment="1">
      <alignment horizontal="center" vertical="center"/>
    </xf>
    <xf numFmtId="176" fontId="2" fillId="0" borderId="37" xfId="11" applyNumberFormat="1" applyFont="1" applyBorder="1" applyAlignment="1">
      <alignment horizontal="center" vertical="center"/>
    </xf>
    <xf numFmtId="176" fontId="8" fillId="2" borderId="11" xfId="11" applyNumberFormat="1" applyFont="1" applyFill="1" applyBorder="1" applyAlignment="1">
      <alignment horizontal="distributed" vertical="center" wrapText="1"/>
    </xf>
    <xf numFmtId="176" fontId="4" fillId="2" borderId="18" xfId="11" applyNumberFormat="1" applyFont="1" applyFill="1" applyBorder="1" applyAlignment="1">
      <alignment horizontal="center" vertical="center"/>
    </xf>
    <xf numFmtId="176" fontId="4" fillId="0" borderId="0" xfId="11" applyNumberFormat="1" applyFont="1" applyAlignment="1">
      <alignment horizontal="center" vertical="center"/>
    </xf>
    <xf numFmtId="176" fontId="4" fillId="0" borderId="73" xfId="11" applyNumberFormat="1" applyFont="1" applyBorder="1" applyAlignment="1">
      <alignment horizontal="center" vertical="center"/>
    </xf>
    <xf numFmtId="176" fontId="4" fillId="0" borderId="53" xfId="11" applyNumberFormat="1" applyFont="1" applyBorder="1" applyAlignment="1">
      <alignment horizontal="center" vertical="center"/>
    </xf>
    <xf numFmtId="176" fontId="2" fillId="2" borderId="63" xfId="11" applyNumberFormat="1" applyFont="1" applyFill="1" applyBorder="1" applyAlignment="1">
      <alignment horizontal="center" vertical="center"/>
    </xf>
    <xf numFmtId="176" fontId="2" fillId="2" borderId="64" xfId="11" applyNumberFormat="1" applyFont="1" applyFill="1" applyBorder="1" applyAlignment="1">
      <alignment horizontal="center" vertical="center"/>
    </xf>
    <xf numFmtId="176" fontId="2" fillId="0" borderId="73" xfId="11" applyNumberFormat="1" applyFont="1" applyBorder="1" applyAlignment="1">
      <alignment horizontal="center" vertical="center"/>
    </xf>
    <xf numFmtId="176" fontId="2" fillId="0" borderId="72" xfId="11" applyNumberFormat="1" applyFont="1" applyBorder="1" applyAlignment="1">
      <alignment horizontal="center" vertical="center"/>
    </xf>
    <xf numFmtId="176" fontId="4" fillId="2" borderId="32" xfId="11" applyNumberFormat="1" applyFont="1" applyFill="1" applyBorder="1" applyAlignment="1">
      <alignment horizontal="center" vertical="center"/>
    </xf>
    <xf numFmtId="176" fontId="4" fillId="0" borderId="71" xfId="11" applyNumberFormat="1" applyFont="1" applyBorder="1" applyAlignment="1">
      <alignment horizontal="center" vertical="center"/>
    </xf>
    <xf numFmtId="176" fontId="8" fillId="2" borderId="0" xfId="11" applyNumberFormat="1" applyFont="1" applyFill="1" applyAlignment="1">
      <alignment vertical="center"/>
    </xf>
    <xf numFmtId="176" fontId="8" fillId="0" borderId="0" xfId="11" applyNumberFormat="1" applyFont="1" applyAlignment="1">
      <alignment vertical="center"/>
    </xf>
    <xf numFmtId="176" fontId="4" fillId="2" borderId="0" xfId="11" applyNumberFormat="1" applyFont="1" applyFill="1" applyAlignment="1">
      <alignment vertical="center"/>
    </xf>
    <xf numFmtId="176" fontId="8" fillId="2" borderId="0" xfId="11" applyNumberFormat="1" applyFont="1" applyFill="1" applyAlignment="1">
      <alignment horizontal="center" vertical="center"/>
    </xf>
    <xf numFmtId="176" fontId="8" fillId="2" borderId="0" xfId="11" applyNumberFormat="1" applyFont="1" applyFill="1" applyAlignment="1" applyProtection="1">
      <alignment vertical="center"/>
      <protection locked="0"/>
    </xf>
    <xf numFmtId="176" fontId="2" fillId="0" borderId="0" xfId="11" applyNumberFormat="1" applyFont="1" applyAlignment="1">
      <alignment horizontal="distributed" vertical="center"/>
    </xf>
    <xf numFmtId="176" fontId="2" fillId="0" borderId="0" xfId="11" applyNumberFormat="1" applyFont="1" applyAlignment="1">
      <alignment horizontal="center" vertical="center"/>
    </xf>
    <xf numFmtId="0" fontId="22" fillId="0" borderId="0" xfId="5" applyFont="1" applyAlignment="1">
      <alignment horizontal="left" vertical="center" indent="1"/>
    </xf>
    <xf numFmtId="176" fontId="1" fillId="0" borderId="0" xfId="4" applyNumberFormat="1" applyAlignment="1">
      <alignment vertical="top"/>
    </xf>
    <xf numFmtId="176" fontId="16" fillId="0" borderId="0" xfId="4" applyNumberFormat="1" applyFont="1" applyAlignment="1">
      <alignment vertical="top"/>
    </xf>
    <xf numFmtId="176" fontId="5" fillId="0" borderId="70" xfId="4" applyNumberFormat="1" applyFont="1" applyBorder="1" applyAlignment="1">
      <alignment horizontal="distributed" vertical="center"/>
    </xf>
    <xf numFmtId="176" fontId="5" fillId="0" borderId="56" xfId="4" applyNumberFormat="1" applyFont="1" applyBorder="1" applyAlignment="1">
      <alignment horizontal="distributed" vertical="center"/>
    </xf>
    <xf numFmtId="176" fontId="5" fillId="0" borderId="56" xfId="4" applyNumberFormat="1" applyFont="1" applyBorder="1" applyAlignment="1">
      <alignment vertical="center"/>
    </xf>
    <xf numFmtId="176" fontId="5" fillId="0" borderId="56" xfId="4" applyNumberFormat="1" applyFont="1" applyBorder="1" applyAlignment="1">
      <alignment horizontal="center" vertical="center"/>
    </xf>
    <xf numFmtId="176" fontId="5" fillId="0" borderId="55" xfId="4" applyNumberFormat="1" applyFont="1" applyBorder="1" applyAlignment="1">
      <alignment horizontal="center" vertical="center"/>
    </xf>
    <xf numFmtId="176" fontId="5" fillId="0" borderId="9" xfId="4" applyNumberFormat="1" applyFont="1" applyBorder="1" applyAlignment="1">
      <alignment horizontal="left" vertical="center"/>
    </xf>
    <xf numFmtId="176" fontId="5" fillId="0" borderId="70" xfId="4" applyNumberFormat="1" applyFont="1" applyBorder="1" applyAlignment="1">
      <alignment vertical="center"/>
    </xf>
    <xf numFmtId="0" fontId="2" fillId="0" borderId="56" xfId="4" applyFont="1" applyBorder="1" applyAlignment="1">
      <alignment vertical="center"/>
    </xf>
    <xf numFmtId="176" fontId="5" fillId="0" borderId="0" xfId="4" applyNumberFormat="1" applyFont="1" applyAlignment="1">
      <alignment horizontal="center" vertical="center"/>
    </xf>
    <xf numFmtId="176" fontId="5" fillId="0" borderId="0" xfId="4" applyNumberFormat="1" applyFont="1" applyAlignment="1">
      <alignment horizontal="distributed" vertical="center"/>
    </xf>
    <xf numFmtId="176" fontId="5" fillId="0" borderId="22" xfId="4" applyNumberFormat="1" applyFont="1" applyBorder="1" applyAlignment="1">
      <alignment horizontal="center" vertical="center"/>
    </xf>
    <xf numFmtId="176" fontId="5" fillId="0" borderId="20" xfId="4" applyNumberFormat="1" applyFont="1" applyBorder="1" applyAlignment="1">
      <alignment horizontal="center" vertical="center"/>
    </xf>
    <xf numFmtId="176" fontId="5" fillId="0" borderId="51" xfId="4" applyNumberFormat="1" applyFont="1" applyBorder="1" applyAlignment="1">
      <alignment horizontal="centerContinuous" vertical="center"/>
    </xf>
    <xf numFmtId="176" fontId="5" fillId="0" borderId="54" xfId="4" applyNumberFormat="1" applyFont="1" applyBorder="1" applyAlignment="1">
      <alignment horizontal="centerContinuous" vertical="center"/>
    </xf>
    <xf numFmtId="176" fontId="5" fillId="0" borderId="80" xfId="4" applyNumberFormat="1" applyFont="1" applyBorder="1" applyAlignment="1">
      <alignment horizontal="centerContinuous" vertical="center"/>
    </xf>
    <xf numFmtId="0" fontId="5" fillId="0" borderId="0" xfId="4" applyFont="1" applyAlignment="1">
      <alignment horizontal="center" vertical="center" shrinkToFit="1"/>
    </xf>
    <xf numFmtId="176" fontId="5" fillId="0" borderId="61" xfId="4" applyNumberFormat="1" applyFont="1" applyBorder="1" applyAlignment="1">
      <alignment horizontal="distributed" vertical="center"/>
    </xf>
    <xf numFmtId="49" fontId="5" fillId="0" borderId="3" xfId="4" applyNumberFormat="1" applyFont="1" applyBorder="1" applyAlignment="1">
      <alignment horizontal="center" vertical="center"/>
    </xf>
    <xf numFmtId="176" fontId="5" fillId="0" borderId="66" xfId="4" applyNumberFormat="1" applyFont="1" applyBorder="1" applyAlignment="1">
      <alignment horizontal="center" vertical="center" wrapText="1"/>
    </xf>
    <xf numFmtId="176" fontId="5" fillId="0" borderId="52" xfId="4" applyNumberFormat="1" applyFont="1" applyBorder="1" applyAlignment="1">
      <alignment horizontal="center" vertical="center" wrapText="1"/>
    </xf>
    <xf numFmtId="176" fontId="5" fillId="0" borderId="28" xfId="4" applyNumberFormat="1" applyFont="1" applyBorder="1" applyAlignment="1">
      <alignment horizontal="distributed" vertical="center"/>
    </xf>
    <xf numFmtId="176" fontId="5" fillId="0" borderId="28" xfId="4" applyNumberFormat="1" applyFont="1" applyBorder="1" applyAlignment="1">
      <alignment horizontal="right" vertical="center"/>
    </xf>
    <xf numFmtId="176" fontId="5" fillId="0" borderId="47" xfId="4" applyNumberFormat="1" applyFont="1" applyBorder="1" applyAlignment="1">
      <alignment horizontal="right" vertical="center"/>
    </xf>
    <xf numFmtId="178" fontId="5" fillId="0" borderId="45" xfId="4" applyNumberFormat="1" applyFont="1" applyBorder="1" applyAlignment="1">
      <alignment horizontal="right" vertical="center"/>
    </xf>
    <xf numFmtId="178" fontId="5" fillId="0" borderId="58" xfId="4" applyNumberFormat="1" applyFont="1" applyBorder="1" applyAlignment="1">
      <alignment horizontal="right" vertical="center"/>
    </xf>
    <xf numFmtId="178" fontId="5" fillId="0" borderId="47" xfId="4" applyNumberFormat="1" applyFont="1" applyBorder="1" applyAlignment="1">
      <alignment horizontal="right" vertical="center"/>
    </xf>
    <xf numFmtId="178" fontId="5" fillId="0" borderId="43" xfId="4" applyNumberFormat="1" applyFont="1" applyBorder="1" applyAlignment="1">
      <alignment horizontal="right" vertical="center"/>
    </xf>
    <xf numFmtId="178" fontId="5" fillId="0" borderId="46" xfId="4" quotePrefix="1" applyNumberFormat="1" applyFont="1" applyBorder="1" applyAlignment="1" applyProtection="1">
      <alignment horizontal="right" vertical="center"/>
      <protection locked="0"/>
    </xf>
    <xf numFmtId="178" fontId="5" fillId="0" borderId="50" xfId="4" applyNumberFormat="1" applyFont="1" applyBorder="1" applyAlignment="1">
      <alignment horizontal="right" vertical="center"/>
    </xf>
    <xf numFmtId="184" fontId="5" fillId="0" borderId="76" xfId="4" applyNumberFormat="1" applyFont="1" applyBorder="1" applyAlignment="1">
      <alignment horizontal="right" vertical="center"/>
    </xf>
    <xf numFmtId="184" fontId="5" fillId="0" borderId="0" xfId="4" applyNumberFormat="1" applyFont="1" applyAlignment="1">
      <alignment horizontal="right" vertical="center"/>
    </xf>
    <xf numFmtId="38" fontId="2" fillId="0" borderId="22" xfId="6" applyFont="1" applyFill="1" applyBorder="1" applyAlignment="1">
      <alignment horizontal="right" vertical="center"/>
    </xf>
    <xf numFmtId="182" fontId="5" fillId="0" borderId="0" xfId="6" applyNumberFormat="1" applyFont="1" applyFill="1" applyBorder="1" applyAlignment="1">
      <alignment horizontal="right" vertical="center"/>
    </xf>
    <xf numFmtId="38" fontId="2" fillId="0" borderId="53" xfId="6" applyFont="1" applyFill="1" applyBorder="1" applyAlignment="1">
      <alignment horizontal="right" vertical="center"/>
    </xf>
    <xf numFmtId="176" fontId="5" fillId="0" borderId="0" xfId="4" applyNumberFormat="1" applyFont="1" applyAlignment="1">
      <alignment vertical="center"/>
    </xf>
    <xf numFmtId="176" fontId="5" fillId="0" borderId="42" xfId="4" applyNumberFormat="1" applyFont="1" applyBorder="1" applyAlignment="1">
      <alignment horizontal="distributed" vertical="center"/>
    </xf>
    <xf numFmtId="176" fontId="5" fillId="0" borderId="22" xfId="4" applyNumberFormat="1" applyFont="1" applyBorder="1" applyAlignment="1">
      <alignment horizontal="right" vertical="center"/>
    </xf>
    <xf numFmtId="176" fontId="5" fillId="0" borderId="21" xfId="4" applyNumberFormat="1" applyFont="1" applyBorder="1" applyAlignment="1">
      <alignment horizontal="right" vertical="center"/>
    </xf>
    <xf numFmtId="178" fontId="5" fillId="0" borderId="20" xfId="4" applyNumberFormat="1" applyFont="1" applyBorder="1" applyAlignment="1">
      <alignment horizontal="right" vertical="center"/>
    </xf>
    <xf numFmtId="178" fontId="5" fillId="0" borderId="0" xfId="4" applyNumberFormat="1" applyFont="1" applyAlignment="1">
      <alignment horizontal="right" vertical="center"/>
    </xf>
    <xf numFmtId="178" fontId="5" fillId="0" borderId="21" xfId="4" applyNumberFormat="1" applyFont="1" applyBorder="1" applyAlignment="1">
      <alignment horizontal="right" vertical="center"/>
    </xf>
    <xf numFmtId="178" fontId="5" fillId="0" borderId="18" xfId="4" applyNumberFormat="1" applyFont="1" applyBorder="1" applyAlignment="1">
      <alignment horizontal="right" vertical="center"/>
    </xf>
    <xf numFmtId="178" fontId="5" fillId="0" borderId="11" xfId="4" quotePrefix="1" applyNumberFormat="1" applyFont="1" applyBorder="1" applyAlignment="1" applyProtection="1">
      <alignment horizontal="right" vertical="center"/>
      <protection locked="0"/>
    </xf>
    <xf numFmtId="178" fontId="5" fillId="0" borderId="49" xfId="4" applyNumberFormat="1" applyFont="1" applyBorder="1" applyAlignment="1">
      <alignment horizontal="right" vertical="center"/>
    </xf>
    <xf numFmtId="178" fontId="5" fillId="0" borderId="41" xfId="4" applyNumberFormat="1" applyFont="1" applyBorder="1" applyAlignment="1">
      <alignment horizontal="right" vertical="center"/>
    </xf>
    <xf numFmtId="184" fontId="5" fillId="0" borderId="53" xfId="4" applyNumberFormat="1" applyFont="1" applyBorder="1" applyAlignment="1">
      <alignment horizontal="right" vertical="center"/>
    </xf>
    <xf numFmtId="38" fontId="2" fillId="0" borderId="42" xfId="6" applyFont="1" applyFill="1" applyBorder="1" applyAlignment="1">
      <alignment horizontal="right" vertical="center"/>
    </xf>
    <xf numFmtId="182" fontId="5" fillId="0" borderId="17" xfId="6" applyNumberFormat="1" applyFont="1" applyFill="1" applyBorder="1" applyAlignment="1">
      <alignment horizontal="right" vertical="center"/>
    </xf>
    <xf numFmtId="38" fontId="2" fillId="0" borderId="79" xfId="6" applyFont="1" applyFill="1" applyBorder="1" applyAlignment="1">
      <alignment horizontal="right" vertical="center"/>
    </xf>
    <xf numFmtId="176" fontId="5" fillId="0" borderId="42" xfId="4" applyNumberFormat="1" applyFont="1" applyBorder="1" applyAlignment="1">
      <alignment horizontal="right" vertical="center"/>
    </xf>
    <xf numFmtId="176" fontId="5" fillId="0" borderId="41" xfId="4" applyNumberFormat="1" applyFont="1" applyBorder="1" applyAlignment="1">
      <alignment horizontal="right" vertical="center"/>
    </xf>
    <xf numFmtId="178" fontId="5" fillId="0" borderId="39" xfId="4" applyNumberFormat="1" applyFont="1" applyBorder="1" applyAlignment="1">
      <alignment horizontal="right" vertical="center"/>
    </xf>
    <xf numFmtId="178" fontId="5" fillId="0" borderId="17" xfId="4" applyNumberFormat="1" applyFont="1" applyBorder="1" applyAlignment="1">
      <alignment horizontal="right" vertical="center"/>
    </xf>
    <xf numFmtId="178" fontId="5" fillId="0" borderId="37" xfId="4" applyNumberFormat="1" applyFont="1" applyBorder="1" applyAlignment="1">
      <alignment horizontal="right" vertical="center"/>
    </xf>
    <xf numFmtId="178" fontId="5" fillId="0" borderId="40" xfId="4" quotePrefix="1" applyNumberFormat="1" applyFont="1" applyBorder="1" applyAlignment="1" applyProtection="1">
      <alignment horizontal="right" vertical="center"/>
      <protection locked="0"/>
    </xf>
    <xf numFmtId="184" fontId="5" fillId="0" borderId="79" xfId="4" applyNumberFormat="1" applyFont="1" applyBorder="1" applyAlignment="1">
      <alignment horizontal="right" vertical="center"/>
    </xf>
    <xf numFmtId="176" fontId="5" fillId="0" borderId="68" xfId="4" applyNumberFormat="1" applyFont="1" applyBorder="1" applyAlignment="1">
      <alignment horizontal="distributed" vertical="center"/>
    </xf>
    <xf numFmtId="176" fontId="5" fillId="0" borderId="68" xfId="4" applyNumberFormat="1" applyFont="1" applyBorder="1" applyAlignment="1">
      <alignment horizontal="right" vertical="center"/>
    </xf>
    <xf numFmtId="176" fontId="5" fillId="0" borderId="66" xfId="4" applyNumberFormat="1" applyFont="1" applyBorder="1" applyAlignment="1">
      <alignment horizontal="right" vertical="center"/>
    </xf>
    <xf numFmtId="178" fontId="5" fillId="0" borderId="67" xfId="4" applyNumberFormat="1" applyFont="1" applyBorder="1" applyAlignment="1">
      <alignment horizontal="right" vertical="center"/>
    </xf>
    <xf numFmtId="178" fontId="5" fillId="0" borderId="64" xfId="4" applyNumberFormat="1" applyFont="1" applyBorder="1" applyAlignment="1">
      <alignment horizontal="right" vertical="center"/>
    </xf>
    <xf numFmtId="178" fontId="5" fillId="0" borderId="66" xfId="4" applyNumberFormat="1" applyFont="1" applyBorder="1" applyAlignment="1">
      <alignment horizontal="right" vertical="center"/>
    </xf>
    <xf numFmtId="178" fontId="5" fillId="0" borderId="72" xfId="4" applyNumberFormat="1" applyFont="1" applyBorder="1" applyAlignment="1">
      <alignment horizontal="right" vertical="center"/>
    </xf>
    <xf numFmtId="178" fontId="5" fillId="0" borderId="63" xfId="4" quotePrefix="1" applyNumberFormat="1" applyFont="1" applyBorder="1" applyAlignment="1" applyProtection="1">
      <alignment horizontal="right" vertical="center"/>
      <protection locked="0"/>
    </xf>
    <xf numFmtId="178" fontId="5" fillId="0" borderId="16" xfId="4" applyNumberFormat="1" applyFont="1" applyBorder="1" applyAlignment="1">
      <alignment horizontal="right" vertical="center"/>
    </xf>
    <xf numFmtId="184" fontId="5" fillId="0" borderId="78" xfId="4" applyNumberFormat="1" applyFont="1" applyBorder="1" applyAlignment="1">
      <alignment horizontal="right" vertical="center"/>
    </xf>
    <xf numFmtId="38" fontId="2" fillId="0" borderId="68" xfId="6" applyFont="1" applyFill="1" applyBorder="1" applyAlignment="1">
      <alignment horizontal="right" vertical="center"/>
    </xf>
    <xf numFmtId="182" fontId="5" fillId="0" borderId="64" xfId="6" applyNumberFormat="1" applyFont="1" applyFill="1" applyBorder="1" applyAlignment="1">
      <alignment horizontal="right" vertical="center"/>
    </xf>
    <xf numFmtId="38" fontId="2" fillId="0" borderId="78" xfId="6" applyFont="1" applyFill="1" applyBorder="1" applyAlignment="1">
      <alignment horizontal="right" vertical="center"/>
    </xf>
    <xf numFmtId="176" fontId="5" fillId="0" borderId="27" xfId="4" applyNumberFormat="1" applyFont="1" applyBorder="1" applyAlignment="1">
      <alignment horizontal="right" vertical="center"/>
    </xf>
    <xf numFmtId="178" fontId="5" fillId="0" borderId="25" xfId="4" applyNumberFormat="1" applyFont="1" applyBorder="1" applyAlignment="1">
      <alignment horizontal="right" vertical="center"/>
    </xf>
    <xf numFmtId="178" fontId="5" fillId="0" borderId="35" xfId="4" applyNumberFormat="1" applyFont="1" applyBorder="1" applyAlignment="1">
      <alignment horizontal="right" vertical="center"/>
    </xf>
    <xf numFmtId="178" fontId="5" fillId="0" borderId="27" xfId="4" applyNumberFormat="1" applyFont="1" applyBorder="1" applyAlignment="1">
      <alignment horizontal="right" vertical="center"/>
    </xf>
    <xf numFmtId="178" fontId="5" fillId="0" borderId="23" xfId="4" applyNumberFormat="1" applyFont="1" applyBorder="1" applyAlignment="1">
      <alignment horizontal="right" vertical="center"/>
    </xf>
    <xf numFmtId="178" fontId="5" fillId="0" borderId="26" xfId="4" quotePrefix="1" applyNumberFormat="1" applyFont="1" applyBorder="1" applyAlignment="1" applyProtection="1">
      <alignment horizontal="right" vertical="center"/>
      <protection locked="0"/>
    </xf>
    <xf numFmtId="184" fontId="5" fillId="0" borderId="77" xfId="4" applyNumberFormat="1" applyFont="1" applyBorder="1" applyAlignment="1">
      <alignment horizontal="right" vertical="center"/>
    </xf>
    <xf numFmtId="38" fontId="2" fillId="0" borderId="28" xfId="6" quotePrefix="1" applyFont="1" applyFill="1" applyBorder="1" applyAlignment="1">
      <alignment horizontal="right" vertical="center"/>
    </xf>
    <xf numFmtId="182" fontId="5" fillId="0" borderId="58" xfId="6" applyNumberFormat="1" applyFont="1" applyFill="1" applyBorder="1" applyAlignment="1">
      <alignment horizontal="right" vertical="center"/>
    </xf>
    <xf numFmtId="38" fontId="2" fillId="0" borderId="76" xfId="6" applyFont="1" applyFill="1" applyBorder="1" applyAlignment="1">
      <alignment horizontal="right" vertical="center"/>
    </xf>
    <xf numFmtId="38" fontId="2" fillId="0" borderId="28" xfId="6" applyFont="1" applyFill="1" applyBorder="1" applyAlignment="1">
      <alignment horizontal="right" vertical="center"/>
    </xf>
    <xf numFmtId="182" fontId="5" fillId="0" borderId="35" xfId="6" applyNumberFormat="1" applyFont="1" applyFill="1" applyBorder="1" applyAlignment="1">
      <alignment horizontal="right" vertical="center"/>
    </xf>
    <xf numFmtId="38" fontId="2" fillId="0" borderId="77" xfId="6" applyFont="1" applyFill="1" applyBorder="1" applyAlignment="1">
      <alignment horizontal="right" vertical="center"/>
    </xf>
    <xf numFmtId="178" fontId="5" fillId="0" borderId="73" xfId="4" applyNumberFormat="1" applyFont="1" applyBorder="1" applyAlignment="1">
      <alignment horizontal="right" vertical="center"/>
    </xf>
    <xf numFmtId="178" fontId="5" fillId="0" borderId="74" xfId="4" applyNumberFormat="1" applyFont="1" applyBorder="1" applyAlignment="1">
      <alignment horizontal="right" vertical="center"/>
    </xf>
    <xf numFmtId="176" fontId="5" fillId="0" borderId="69" xfId="4" applyNumberFormat="1" applyFont="1" applyBorder="1" applyAlignment="1">
      <alignment horizontal="distributed" vertical="center"/>
    </xf>
    <xf numFmtId="176" fontId="5" fillId="0" borderId="69" xfId="4" applyNumberFormat="1" applyFont="1" applyBorder="1" applyAlignment="1">
      <alignment horizontal="right" vertical="center"/>
    </xf>
    <xf numFmtId="176" fontId="5" fillId="0" borderId="13" xfId="4" applyNumberFormat="1" applyFont="1" applyBorder="1" applyAlignment="1">
      <alignment horizontal="right" vertical="center"/>
    </xf>
    <xf numFmtId="178" fontId="5" fillId="0" borderId="54" xfId="4" applyNumberFormat="1" applyFont="1" applyBorder="1" applyAlignment="1">
      <alignment horizontal="right" vertical="center"/>
    </xf>
    <xf numFmtId="178" fontId="5" fillId="0" borderId="13" xfId="4" applyNumberFormat="1" applyFont="1" applyBorder="1" applyAlignment="1">
      <alignment horizontal="right" vertical="center"/>
    </xf>
    <xf numFmtId="178" fontId="5" fillId="0" borderId="12" xfId="4" applyNumberFormat="1" applyFont="1" applyBorder="1" applyAlignment="1">
      <alignment horizontal="right" vertical="center"/>
    </xf>
    <xf numFmtId="178" fontId="5" fillId="0" borderId="15" xfId="4" quotePrefix="1" applyNumberFormat="1" applyFont="1" applyBorder="1" applyAlignment="1" applyProtection="1">
      <alignment horizontal="right" vertical="center"/>
      <protection locked="0"/>
    </xf>
    <xf numFmtId="38" fontId="2" fillId="0" borderId="69" xfId="6" applyFont="1" applyFill="1" applyBorder="1" applyAlignment="1">
      <alignment horizontal="right" vertical="center"/>
    </xf>
    <xf numFmtId="182" fontId="5" fillId="0" borderId="54" xfId="6" applyNumberFormat="1" applyFont="1" applyFill="1" applyBorder="1" applyAlignment="1">
      <alignment horizontal="right" vertical="center"/>
    </xf>
    <xf numFmtId="38" fontId="2" fillId="0" borderId="80" xfId="6" applyFont="1" applyFill="1" applyBorder="1" applyAlignment="1">
      <alignment horizontal="right" vertical="center"/>
    </xf>
    <xf numFmtId="176" fontId="5" fillId="0" borderId="34" xfId="4" applyNumberFormat="1" applyFont="1" applyBorder="1" applyAlignment="1">
      <alignment horizontal="center" vertical="center"/>
    </xf>
    <xf numFmtId="176" fontId="5" fillId="0" borderId="34" xfId="4" applyNumberFormat="1" applyFont="1" applyBorder="1" applyAlignment="1">
      <alignment horizontal="right" vertical="center"/>
    </xf>
    <xf numFmtId="176" fontId="5" fillId="0" borderId="33" xfId="4" applyNumberFormat="1" applyFont="1" applyBorder="1" applyAlignment="1">
      <alignment horizontal="right" vertical="center"/>
    </xf>
    <xf numFmtId="178" fontId="5" fillId="0" borderId="31" xfId="4" applyNumberFormat="1" applyFont="1" applyBorder="1" applyAlignment="1">
      <alignment horizontal="right" vertical="center"/>
    </xf>
    <xf numFmtId="178" fontId="5" fillId="0" borderId="30" xfId="4" applyNumberFormat="1" applyFont="1" applyBorder="1" applyAlignment="1">
      <alignment horizontal="right" vertical="center"/>
    </xf>
    <xf numFmtId="178" fontId="5" fillId="0" borderId="33" xfId="4" applyNumberFormat="1" applyFont="1" applyBorder="1" applyAlignment="1">
      <alignment horizontal="right" vertical="center"/>
    </xf>
    <xf numFmtId="178" fontId="5" fillId="0" borderId="75" xfId="4" applyNumberFormat="1" applyFont="1" applyBorder="1" applyAlignment="1">
      <alignment horizontal="right" vertical="center"/>
    </xf>
    <xf numFmtId="178" fontId="5" fillId="0" borderId="32" xfId="4" applyNumberFormat="1" applyFont="1" applyBorder="1" applyAlignment="1">
      <alignment horizontal="right" vertical="center"/>
    </xf>
    <xf numFmtId="178" fontId="5" fillId="0" borderId="34" xfId="4" applyNumberFormat="1" applyFont="1" applyBorder="1" applyAlignment="1">
      <alignment horizontal="right" vertical="center"/>
    </xf>
    <xf numFmtId="184" fontId="5" fillId="0" borderId="75" xfId="4" applyNumberFormat="1" applyFont="1" applyBorder="1" applyAlignment="1">
      <alignment horizontal="right" vertical="center"/>
    </xf>
    <xf numFmtId="38" fontId="2" fillId="0" borderId="34" xfId="6" applyFont="1" applyFill="1" applyBorder="1" applyAlignment="1">
      <alignment horizontal="right" vertical="center"/>
    </xf>
    <xf numFmtId="182" fontId="5" fillId="0" borderId="62" xfId="6" applyNumberFormat="1" applyFont="1" applyFill="1" applyBorder="1" applyAlignment="1">
      <alignment horizontal="right" vertical="center"/>
    </xf>
    <xf numFmtId="38" fontId="2" fillId="0" borderId="75" xfId="6" applyFont="1" applyFill="1" applyBorder="1" applyAlignment="1">
      <alignment horizontal="right" vertical="center"/>
    </xf>
    <xf numFmtId="178" fontId="5" fillId="0" borderId="28" xfId="4" applyNumberFormat="1" applyFont="1" applyBorder="1" applyAlignment="1">
      <alignment horizontal="right" vertical="center"/>
    </xf>
    <xf numFmtId="178" fontId="5" fillId="0" borderId="42" xfId="4" applyNumberFormat="1" applyFont="1" applyBorder="1" applyAlignment="1">
      <alignment horizontal="right" vertical="center"/>
    </xf>
    <xf numFmtId="178" fontId="5" fillId="0" borderId="14" xfId="4" applyNumberFormat="1" applyFont="1" applyBorder="1" applyAlignment="1">
      <alignment horizontal="right" vertical="center"/>
    </xf>
    <xf numFmtId="178" fontId="5" fillId="0" borderId="69" xfId="4" applyNumberFormat="1" applyFont="1" applyBorder="1" applyAlignment="1">
      <alignment horizontal="right" vertical="center"/>
    </xf>
    <xf numFmtId="184" fontId="5" fillId="0" borderId="80" xfId="4" applyNumberFormat="1" applyFont="1" applyBorder="1" applyAlignment="1">
      <alignment horizontal="right" vertical="center"/>
    </xf>
    <xf numFmtId="178" fontId="5" fillId="0" borderId="48" xfId="4" applyNumberFormat="1" applyFont="1" applyBorder="1" applyAlignment="1">
      <alignment horizontal="right" vertical="center"/>
    </xf>
    <xf numFmtId="178" fontId="5" fillId="0" borderId="68" xfId="4" applyNumberFormat="1" applyFont="1" applyBorder="1" applyAlignment="1">
      <alignment horizontal="right" vertical="center"/>
    </xf>
    <xf numFmtId="178" fontId="5" fillId="0" borderId="62" xfId="4" applyNumberFormat="1" applyFont="1" applyBorder="1" applyAlignment="1">
      <alignment horizontal="right" vertical="center"/>
    </xf>
    <xf numFmtId="178" fontId="5" fillId="0" borderId="29" xfId="4" applyNumberFormat="1" applyFont="1" applyBorder="1" applyAlignment="1">
      <alignment horizontal="right" vertical="center"/>
    </xf>
    <xf numFmtId="176" fontId="5" fillId="0" borderId="61" xfId="4" applyNumberFormat="1" applyFont="1" applyBorder="1" applyAlignment="1">
      <alignment horizontal="center" vertical="center"/>
    </xf>
    <xf numFmtId="176" fontId="5" fillId="0" borderId="61" xfId="4" applyNumberFormat="1" applyFont="1" applyBorder="1" applyAlignment="1">
      <alignment horizontal="right" vertical="center"/>
    </xf>
    <xf numFmtId="176" fontId="5" fillId="0" borderId="2" xfId="4" applyNumberFormat="1" applyFont="1" applyBorder="1" applyAlignment="1">
      <alignment horizontal="right" vertical="center"/>
    </xf>
    <xf numFmtId="178" fontId="5" fillId="0" borderId="3" xfId="4" applyNumberFormat="1" applyFont="1" applyBorder="1" applyAlignment="1">
      <alignment horizontal="right" vertical="center"/>
    </xf>
    <xf numFmtId="178" fontId="5" fillId="0" borderId="59" xfId="4" applyNumberFormat="1" applyFont="1" applyBorder="1" applyAlignment="1">
      <alignment horizontal="right" vertical="center"/>
    </xf>
    <xf numFmtId="178" fontId="5" fillId="0" borderId="2" xfId="4" applyNumberFormat="1" applyFont="1" applyBorder="1" applyAlignment="1">
      <alignment horizontal="right" vertical="center"/>
    </xf>
    <xf numFmtId="178" fontId="5" fillId="0" borderId="1" xfId="4" applyNumberFormat="1" applyFont="1" applyBorder="1" applyAlignment="1">
      <alignment horizontal="right" vertical="center"/>
    </xf>
    <xf numFmtId="178" fontId="5" fillId="0" borderId="4" xfId="4" applyNumberFormat="1" applyFont="1" applyBorder="1" applyAlignment="1">
      <alignment horizontal="right" vertical="center"/>
    </xf>
    <xf numFmtId="178" fontId="5" fillId="0" borderId="61" xfId="4" applyNumberFormat="1" applyFont="1" applyBorder="1" applyAlignment="1">
      <alignment horizontal="right" vertical="center"/>
    </xf>
    <xf numFmtId="184" fontId="5" fillId="0" borderId="52" xfId="4" applyNumberFormat="1" applyFont="1" applyBorder="1" applyAlignment="1">
      <alignment horizontal="right" vertical="center"/>
    </xf>
    <xf numFmtId="38" fontId="2" fillId="0" borderId="61" xfId="6" applyFont="1" applyFill="1" applyBorder="1" applyAlignment="1">
      <alignment horizontal="right" vertical="center"/>
    </xf>
    <xf numFmtId="182" fontId="5" fillId="0" borderId="59" xfId="6" applyNumberFormat="1" applyFont="1" applyFill="1" applyBorder="1" applyAlignment="1">
      <alignment horizontal="right" vertical="center"/>
    </xf>
    <xf numFmtId="38" fontId="2" fillId="0" borderId="52" xfId="6" applyFont="1" applyFill="1" applyBorder="1" applyAlignment="1">
      <alignment horizontal="right" vertical="center"/>
    </xf>
    <xf numFmtId="176" fontId="4" fillId="0" borderId="0" xfId="4" applyNumberFormat="1" applyFont="1" applyAlignment="1">
      <alignment vertical="center"/>
    </xf>
    <xf numFmtId="38" fontId="2" fillId="0" borderId="0" xfId="6" applyFont="1" applyFill="1" applyAlignment="1">
      <alignment vertical="center"/>
    </xf>
    <xf numFmtId="176" fontId="4" fillId="0" borderId="70" xfId="4" applyNumberFormat="1" applyFont="1" applyBorder="1" applyAlignment="1">
      <alignment horizontal="distributed" vertical="center"/>
    </xf>
    <xf numFmtId="176" fontId="4" fillId="0" borderId="70" xfId="4" applyNumberFormat="1" applyFont="1" applyBorder="1" applyAlignment="1">
      <alignment horizontal="left" vertical="center"/>
    </xf>
    <xf numFmtId="176" fontId="4" fillId="0" borderId="34" xfId="4" applyNumberFormat="1" applyFont="1" applyBorder="1" applyAlignment="1">
      <alignment vertical="center"/>
    </xf>
    <xf numFmtId="176" fontId="4" fillId="0" borderId="75" xfId="4" applyNumberFormat="1" applyFont="1" applyBorder="1" applyAlignment="1">
      <alignment vertical="center"/>
    </xf>
    <xf numFmtId="176" fontId="4" fillId="0" borderId="70" xfId="4" applyNumberFormat="1" applyFont="1" applyBorder="1" applyAlignment="1">
      <alignment horizontal="left" vertical="center" wrapText="1"/>
    </xf>
    <xf numFmtId="176" fontId="4" fillId="0" borderId="56" xfId="4" applyNumberFormat="1" applyFont="1" applyBorder="1" applyAlignment="1">
      <alignment horizontal="distributed" vertical="center"/>
    </xf>
    <xf numFmtId="176" fontId="8" fillId="0" borderId="6" xfId="4" applyNumberFormat="1" applyFont="1" applyBorder="1" applyAlignment="1">
      <alignment vertical="center" wrapText="1" shrinkToFit="1"/>
    </xf>
    <xf numFmtId="176" fontId="4" fillId="0" borderId="0" xfId="4" applyNumberFormat="1" applyFont="1" applyAlignment="1">
      <alignment horizontal="distributed" vertical="center"/>
    </xf>
    <xf numFmtId="176" fontId="4" fillId="0" borderId="22" xfId="4" applyNumberFormat="1" applyFont="1" applyBorder="1" applyAlignment="1">
      <alignment horizontal="distributed" vertical="center"/>
    </xf>
    <xf numFmtId="176" fontId="4" fillId="0" borderId="48" xfId="4" applyNumberFormat="1" applyFont="1" applyBorder="1" applyAlignment="1">
      <alignment horizontal="distributed" vertical="center"/>
    </xf>
    <xf numFmtId="176" fontId="4" fillId="0" borderId="58" xfId="4" applyNumberFormat="1" applyFont="1" applyBorder="1" applyAlignment="1">
      <alignment horizontal="distributed" vertical="center"/>
    </xf>
    <xf numFmtId="176" fontId="4" fillId="0" borderId="56" xfId="4" applyNumberFormat="1" applyFont="1" applyBorder="1" applyAlignment="1">
      <alignment horizontal="left" vertical="center"/>
    </xf>
    <xf numFmtId="176" fontId="4" fillId="0" borderId="35" xfId="4" applyNumberFormat="1" applyFont="1" applyBorder="1" applyAlignment="1">
      <alignment horizontal="left" vertical="center"/>
    </xf>
    <xf numFmtId="176" fontId="4" fillId="0" borderId="77" xfId="4" applyNumberFormat="1" applyFont="1" applyBorder="1" applyAlignment="1">
      <alignment horizontal="left" vertical="center"/>
    </xf>
    <xf numFmtId="176" fontId="4" fillId="0" borderId="0" xfId="4" applyNumberFormat="1" applyFont="1" applyAlignment="1">
      <alignment horizontal="left" vertical="center"/>
    </xf>
    <xf numFmtId="176" fontId="4" fillId="0" borderId="22" xfId="4" applyNumberFormat="1" applyFont="1" applyBorder="1" applyAlignment="1">
      <alignment horizontal="left" vertical="center"/>
    </xf>
    <xf numFmtId="176" fontId="4" fillId="0" borderId="77" xfId="4" applyNumberFormat="1" applyFont="1" applyBorder="1" applyAlignment="1">
      <alignment vertical="center"/>
    </xf>
    <xf numFmtId="176" fontId="4" fillId="0" borderId="9" xfId="4" applyNumberFormat="1" applyFont="1" applyBorder="1" applyAlignment="1">
      <alignment horizontal="left" vertical="center"/>
    </xf>
    <xf numFmtId="176" fontId="4" fillId="0" borderId="22" xfId="4" applyNumberFormat="1" applyFont="1" applyBorder="1" applyAlignment="1">
      <alignment horizontal="left" vertical="center" wrapText="1"/>
    </xf>
    <xf numFmtId="176" fontId="4" fillId="0" borderId="58" xfId="4" applyNumberFormat="1" applyFont="1" applyBorder="1" applyAlignment="1">
      <alignment horizontal="left" vertical="center"/>
    </xf>
    <xf numFmtId="176" fontId="4" fillId="0" borderId="16" xfId="4" applyNumberFormat="1" applyFont="1" applyBorder="1" applyAlignment="1">
      <alignment vertical="center"/>
    </xf>
    <xf numFmtId="176" fontId="4" fillId="0" borderId="13" xfId="4" applyNumberFormat="1" applyFont="1" applyBorder="1" applyAlignment="1">
      <alignment vertical="center"/>
    </xf>
    <xf numFmtId="176" fontId="4" fillId="0" borderId="11" xfId="4" applyNumberFormat="1" applyFont="1" applyBorder="1" applyAlignment="1">
      <alignment horizontal="distributed" vertical="center"/>
    </xf>
    <xf numFmtId="176" fontId="4" fillId="0" borderId="36" xfId="4" applyNumberFormat="1" applyFont="1" applyBorder="1" applyAlignment="1">
      <alignment horizontal="distributed" vertical="center" wrapText="1"/>
    </xf>
    <xf numFmtId="176" fontId="4" fillId="0" borderId="21" xfId="4" applyNumberFormat="1" applyFont="1" applyBorder="1" applyAlignment="1">
      <alignment horizontal="distributed" vertical="center"/>
    </xf>
    <xf numFmtId="176" fontId="4" fillId="0" borderId="61" xfId="4" applyNumberFormat="1" applyFont="1" applyBorder="1" applyAlignment="1">
      <alignment horizontal="distributed" vertical="center"/>
    </xf>
    <xf numFmtId="176" fontId="4" fillId="0" borderId="5" xfId="4" applyNumberFormat="1" applyFont="1" applyBorder="1" applyAlignment="1">
      <alignment horizontal="distributed" vertical="center" wrapText="1"/>
    </xf>
    <xf numFmtId="176" fontId="4" fillId="0" borderId="2" xfId="4" applyNumberFormat="1" applyFont="1" applyBorder="1" applyAlignment="1">
      <alignment horizontal="distributed" vertical="center"/>
    </xf>
    <xf numFmtId="49" fontId="4" fillId="0" borderId="2" xfId="4" applyNumberFormat="1" applyFont="1" applyBorder="1" applyAlignment="1">
      <alignment horizontal="distributed" vertical="center"/>
    </xf>
    <xf numFmtId="176" fontId="4" fillId="0" borderId="66" xfId="4" applyNumberFormat="1" applyFont="1" applyBorder="1" applyAlignment="1">
      <alignment horizontal="center" vertical="center" shrinkToFit="1"/>
    </xf>
    <xf numFmtId="176" fontId="4" fillId="0" borderId="52" xfId="4" applyNumberFormat="1" applyFont="1" applyBorder="1" applyAlignment="1">
      <alignment horizontal="center" vertical="center"/>
    </xf>
    <xf numFmtId="176" fontId="4" fillId="0" borderId="4" xfId="4" applyNumberFormat="1" applyFont="1" applyBorder="1" applyAlignment="1">
      <alignment horizontal="distributed" vertical="center"/>
    </xf>
    <xf numFmtId="176" fontId="4" fillId="0" borderId="28" xfId="4" applyNumberFormat="1" applyFont="1" applyBorder="1" applyAlignment="1">
      <alignment horizontal="distributed" vertical="center"/>
    </xf>
    <xf numFmtId="176" fontId="4" fillId="0" borderId="28" xfId="4" applyNumberFormat="1" applyFont="1" applyBorder="1" applyAlignment="1">
      <alignment horizontal="right" vertical="center"/>
    </xf>
    <xf numFmtId="176" fontId="4" fillId="0" borderId="27" xfId="4" applyNumberFormat="1" applyFont="1" applyBorder="1" applyAlignment="1">
      <alignment horizontal="right" vertical="center"/>
    </xf>
    <xf numFmtId="176" fontId="4" fillId="0" borderId="47" xfId="4" applyNumberFormat="1" applyFont="1" applyBorder="1" applyAlignment="1">
      <alignment horizontal="right" vertical="center"/>
    </xf>
    <xf numFmtId="176" fontId="4" fillId="0" borderId="76" xfId="4" applyNumberFormat="1" applyFont="1" applyBorder="1" applyAlignment="1">
      <alignment horizontal="right" vertical="center"/>
    </xf>
    <xf numFmtId="176" fontId="4" fillId="0" borderId="58" xfId="4" applyNumberFormat="1" applyFont="1" applyBorder="1" applyAlignment="1" applyProtection="1">
      <alignment horizontal="right" vertical="center"/>
      <protection locked="0"/>
    </xf>
    <xf numFmtId="176" fontId="4" fillId="0" borderId="50" xfId="4" applyNumberFormat="1" applyFont="1" applyBorder="1" applyAlignment="1">
      <alignment horizontal="right" vertical="center"/>
    </xf>
    <xf numFmtId="176" fontId="4" fillId="0" borderId="58" xfId="4" applyNumberFormat="1" applyFont="1" applyBorder="1" applyAlignment="1">
      <alignment horizontal="right" vertical="center"/>
    </xf>
    <xf numFmtId="181" fontId="4" fillId="0" borderId="44" xfId="4" applyNumberFormat="1" applyFont="1" applyBorder="1" applyAlignment="1">
      <alignment horizontal="right" vertical="center"/>
    </xf>
    <xf numFmtId="176" fontId="4" fillId="0" borderId="9" xfId="4" applyNumberFormat="1" applyFont="1" applyBorder="1" applyAlignment="1">
      <alignment horizontal="right" vertical="center"/>
    </xf>
    <xf numFmtId="176" fontId="4" fillId="0" borderId="46" xfId="4" applyNumberFormat="1" applyFont="1" applyBorder="1" applyAlignment="1">
      <alignment horizontal="right" vertical="center"/>
    </xf>
    <xf numFmtId="176" fontId="4" fillId="0" borderId="48" xfId="4" applyNumberFormat="1" applyFont="1" applyBorder="1" applyAlignment="1">
      <alignment horizontal="right" vertical="center"/>
    </xf>
    <xf numFmtId="176" fontId="4" fillId="0" borderId="41" xfId="4" applyNumberFormat="1" applyFont="1" applyBorder="1" applyAlignment="1">
      <alignment horizontal="right" vertical="center"/>
    </xf>
    <xf numFmtId="176" fontId="4" fillId="0" borderId="46" xfId="4" applyNumberFormat="1" applyFont="1" applyBorder="1" applyAlignment="1" applyProtection="1">
      <alignment horizontal="right" vertical="center"/>
      <protection locked="0"/>
    </xf>
    <xf numFmtId="181" fontId="4" fillId="0" borderId="43" xfId="4" applyNumberFormat="1" applyFont="1" applyBorder="1" applyAlignment="1">
      <alignment horizontal="right" vertical="center"/>
    </xf>
    <xf numFmtId="181" fontId="4" fillId="0" borderId="58" xfId="4" applyNumberFormat="1" applyFont="1" applyBorder="1" applyAlignment="1">
      <alignment horizontal="right" vertical="center"/>
    </xf>
    <xf numFmtId="185" fontId="4" fillId="0" borderId="43" xfId="4" applyNumberFormat="1" applyFont="1" applyBorder="1" applyAlignment="1">
      <alignment horizontal="right" vertical="center"/>
    </xf>
    <xf numFmtId="176" fontId="4" fillId="0" borderId="42" xfId="4" applyNumberFormat="1" applyFont="1" applyBorder="1" applyAlignment="1">
      <alignment horizontal="distributed" vertical="center"/>
    </xf>
    <xf numFmtId="176" fontId="4" fillId="0" borderId="22" xfId="4" applyNumberFormat="1" applyFont="1" applyBorder="1" applyAlignment="1">
      <alignment horizontal="right" vertical="center"/>
    </xf>
    <xf numFmtId="176" fontId="4" fillId="0" borderId="21" xfId="4" applyNumberFormat="1" applyFont="1" applyBorder="1" applyAlignment="1">
      <alignment horizontal="right" vertical="center"/>
    </xf>
    <xf numFmtId="176" fontId="4" fillId="0" borderId="53" xfId="4" applyNumberFormat="1" applyFont="1" applyBorder="1" applyAlignment="1">
      <alignment horizontal="right" vertical="center"/>
    </xf>
    <xf numFmtId="176" fontId="4" fillId="0" borderId="0" xfId="4" applyNumberFormat="1" applyFont="1" applyAlignment="1" applyProtection="1">
      <alignment horizontal="right" vertical="center"/>
      <protection locked="0"/>
    </xf>
    <xf numFmtId="176" fontId="4" fillId="0" borderId="36" xfId="4" applyNumberFormat="1" applyFont="1" applyBorder="1" applyAlignment="1">
      <alignment horizontal="right" vertical="center"/>
    </xf>
    <xf numFmtId="176" fontId="4" fillId="0" borderId="17" xfId="4" applyNumberFormat="1" applyFont="1" applyBorder="1" applyAlignment="1">
      <alignment horizontal="right" vertical="center"/>
    </xf>
    <xf numFmtId="181" fontId="4" fillId="0" borderId="19" xfId="4" applyNumberFormat="1" applyFont="1" applyBorder="1" applyAlignment="1">
      <alignment horizontal="right" vertical="center"/>
    </xf>
    <xf numFmtId="176" fontId="4" fillId="0" borderId="40" xfId="4" applyNumberFormat="1" applyFont="1" applyBorder="1" applyAlignment="1">
      <alignment horizontal="right" vertical="center"/>
    </xf>
    <xf numFmtId="176" fontId="4" fillId="0" borderId="11" xfId="4" applyNumberFormat="1" applyFont="1" applyBorder="1" applyAlignment="1">
      <alignment horizontal="right" vertical="center"/>
    </xf>
    <xf numFmtId="176" fontId="4" fillId="0" borderId="40" xfId="4" applyNumberFormat="1" applyFont="1" applyBorder="1" applyAlignment="1" applyProtection="1">
      <alignment horizontal="right" vertical="center"/>
      <protection locked="0"/>
    </xf>
    <xf numFmtId="181" fontId="4" fillId="0" borderId="18" xfId="4" applyNumberFormat="1" applyFont="1" applyBorder="1" applyAlignment="1">
      <alignment horizontal="right" vertical="center"/>
    </xf>
    <xf numFmtId="181" fontId="4" fillId="0" borderId="0" xfId="4" applyNumberFormat="1" applyFont="1" applyAlignment="1">
      <alignment horizontal="right" vertical="center"/>
    </xf>
    <xf numFmtId="185" fontId="4" fillId="0" borderId="37" xfId="4" applyNumberFormat="1" applyFont="1" applyBorder="1" applyAlignment="1">
      <alignment horizontal="right" vertical="center"/>
    </xf>
    <xf numFmtId="176" fontId="4" fillId="0" borderId="42" xfId="4" applyNumberFormat="1" applyFont="1" applyBorder="1" applyAlignment="1">
      <alignment horizontal="right" vertical="center"/>
    </xf>
    <xf numFmtId="176" fontId="4" fillId="0" borderId="79" xfId="4" applyNumberFormat="1" applyFont="1" applyBorder="1" applyAlignment="1">
      <alignment horizontal="right" vertical="center"/>
    </xf>
    <xf numFmtId="176" fontId="4" fillId="0" borderId="17" xfId="4" applyNumberFormat="1" applyFont="1" applyBorder="1" applyAlignment="1" applyProtection="1">
      <alignment horizontal="right" vertical="center"/>
      <protection locked="0"/>
    </xf>
    <xf numFmtId="176" fontId="4" fillId="0" borderId="49" xfId="4" applyNumberFormat="1" applyFont="1" applyBorder="1" applyAlignment="1">
      <alignment horizontal="right" vertical="center"/>
    </xf>
    <xf numFmtId="181" fontId="4" fillId="0" borderId="37" xfId="4" quotePrefix="1" applyNumberFormat="1" applyFont="1" applyBorder="1" applyAlignment="1">
      <alignment horizontal="right" vertical="center"/>
    </xf>
    <xf numFmtId="181" fontId="4" fillId="0" borderId="17" xfId="4" applyNumberFormat="1" applyFont="1" applyBorder="1" applyAlignment="1">
      <alignment horizontal="right" vertical="center"/>
    </xf>
    <xf numFmtId="176" fontId="4" fillId="0" borderId="68" xfId="4" applyNumberFormat="1" applyFont="1" applyBorder="1" applyAlignment="1">
      <alignment horizontal="distributed" vertical="center"/>
    </xf>
    <xf numFmtId="176" fontId="4" fillId="0" borderId="68" xfId="4" applyNumberFormat="1" applyFont="1" applyBorder="1" applyAlignment="1">
      <alignment horizontal="right" vertical="center"/>
    </xf>
    <xf numFmtId="176" fontId="4" fillId="0" borderId="66" xfId="4" applyNumberFormat="1" applyFont="1" applyBorder="1" applyAlignment="1">
      <alignment horizontal="right" vertical="center"/>
    </xf>
    <xf numFmtId="176" fontId="4" fillId="0" borderId="78" xfId="4" applyNumberFormat="1" applyFont="1" applyBorder="1" applyAlignment="1">
      <alignment horizontal="right" vertical="center"/>
    </xf>
    <xf numFmtId="176" fontId="27" fillId="0" borderId="64" xfId="4" applyNumberFormat="1" applyFont="1" applyBorder="1" applyAlignment="1" applyProtection="1">
      <alignment horizontal="right" vertical="center"/>
      <protection locked="0"/>
    </xf>
    <xf numFmtId="176" fontId="4" fillId="0" borderId="73" xfId="4" applyNumberFormat="1" applyFont="1" applyBorder="1" applyAlignment="1">
      <alignment horizontal="right" vertical="center"/>
    </xf>
    <xf numFmtId="176" fontId="4" fillId="0" borderId="64" xfId="4" applyNumberFormat="1" applyFont="1" applyBorder="1" applyAlignment="1">
      <alignment horizontal="right" vertical="center"/>
    </xf>
    <xf numFmtId="181" fontId="4" fillId="0" borderId="65" xfId="4" applyNumberFormat="1" applyFont="1" applyBorder="1" applyAlignment="1">
      <alignment horizontal="right" vertical="center"/>
    </xf>
    <xf numFmtId="176" fontId="4" fillId="0" borderId="15" xfId="4" applyNumberFormat="1" applyFont="1" applyBorder="1" applyAlignment="1">
      <alignment horizontal="right" vertical="center"/>
    </xf>
    <xf numFmtId="176" fontId="4" fillId="0" borderId="63" xfId="4" applyNumberFormat="1" applyFont="1" applyBorder="1" applyAlignment="1">
      <alignment horizontal="right" vertical="center"/>
    </xf>
    <xf numFmtId="176" fontId="4" fillId="0" borderId="64" xfId="4" applyNumberFormat="1" applyFont="1" applyBorder="1" applyAlignment="1" applyProtection="1">
      <alignment horizontal="right" vertical="center"/>
      <protection locked="0"/>
    </xf>
    <xf numFmtId="181" fontId="4" fillId="0" borderId="72" xfId="4" applyNumberFormat="1" applyFont="1" applyBorder="1" applyAlignment="1">
      <alignment horizontal="right" vertical="center"/>
    </xf>
    <xf numFmtId="181" fontId="4" fillId="0" borderId="65" xfId="4" quotePrefix="1" applyNumberFormat="1" applyFont="1" applyBorder="1" applyAlignment="1">
      <alignment horizontal="right" vertical="center"/>
    </xf>
    <xf numFmtId="185" fontId="4" fillId="0" borderId="72" xfId="4" applyNumberFormat="1" applyFont="1" applyBorder="1" applyAlignment="1">
      <alignment horizontal="right" vertical="center"/>
    </xf>
    <xf numFmtId="176" fontId="4" fillId="0" borderId="77" xfId="4" applyNumberFormat="1" applyFont="1" applyBorder="1" applyAlignment="1">
      <alignment horizontal="right" vertical="center"/>
    </xf>
    <xf numFmtId="176" fontId="27" fillId="0" borderId="35" xfId="4" applyNumberFormat="1" applyFont="1" applyBorder="1" applyAlignment="1" applyProtection="1">
      <alignment horizontal="right" vertical="center"/>
      <protection locked="0"/>
    </xf>
    <xf numFmtId="176" fontId="4" fillId="0" borderId="74" xfId="4" applyNumberFormat="1" applyFont="1" applyBorder="1" applyAlignment="1">
      <alignment horizontal="right" vertical="center"/>
    </xf>
    <xf numFmtId="176" fontId="4" fillId="0" borderId="35" xfId="4" applyNumberFormat="1" applyFont="1" applyBorder="1" applyAlignment="1">
      <alignment horizontal="right" vertical="center"/>
    </xf>
    <xf numFmtId="176" fontId="4" fillId="0" borderId="26" xfId="4" applyNumberFormat="1" applyFont="1" applyBorder="1" applyAlignment="1">
      <alignment horizontal="right" vertical="center"/>
    </xf>
    <xf numFmtId="176" fontId="4" fillId="0" borderId="35" xfId="4" applyNumberFormat="1" applyFont="1" applyBorder="1" applyAlignment="1" applyProtection="1">
      <alignment horizontal="right" vertical="center"/>
      <protection locked="0"/>
    </xf>
    <xf numFmtId="181" fontId="4" fillId="0" borderId="37" xfId="4" applyNumberFormat="1" applyFont="1" applyBorder="1" applyAlignment="1">
      <alignment horizontal="right" vertical="center"/>
    </xf>
    <xf numFmtId="181" fontId="4" fillId="0" borderId="60" xfId="4" applyNumberFormat="1" applyFont="1" applyBorder="1" applyAlignment="1">
      <alignment horizontal="right" vertical="center"/>
    </xf>
    <xf numFmtId="181" fontId="4" fillId="0" borderId="64" xfId="4" applyNumberFormat="1" applyFont="1" applyBorder="1" applyAlignment="1">
      <alignment horizontal="right" vertical="center"/>
    </xf>
    <xf numFmtId="181" fontId="4" fillId="0" borderId="35" xfId="4" applyNumberFormat="1" applyFont="1" applyBorder="1" applyAlignment="1">
      <alignment horizontal="right" vertical="center"/>
    </xf>
    <xf numFmtId="185" fontId="4" fillId="0" borderId="23" xfId="4" applyNumberFormat="1" applyFont="1" applyBorder="1" applyAlignment="1">
      <alignment horizontal="right" vertical="center"/>
    </xf>
    <xf numFmtId="176" fontId="4" fillId="0" borderId="69" xfId="4" applyNumberFormat="1" applyFont="1" applyBorder="1" applyAlignment="1">
      <alignment horizontal="right" vertical="center"/>
    </xf>
    <xf numFmtId="176" fontId="4" fillId="0" borderId="13" xfId="4" applyNumberFormat="1" applyFont="1" applyBorder="1" applyAlignment="1">
      <alignment horizontal="right" vertical="center"/>
    </xf>
    <xf numFmtId="181" fontId="4" fillId="0" borderId="54" xfId="4" applyNumberFormat="1" applyFont="1" applyBorder="1" applyAlignment="1">
      <alignment horizontal="right" vertical="center"/>
    </xf>
    <xf numFmtId="185" fontId="4" fillId="0" borderId="12" xfId="4" applyNumberFormat="1" applyFont="1" applyBorder="1" applyAlignment="1">
      <alignment horizontal="right" vertical="center"/>
    </xf>
    <xf numFmtId="181" fontId="4" fillId="0" borderId="23" xfId="4" applyNumberFormat="1" applyFont="1" applyBorder="1" applyAlignment="1">
      <alignment horizontal="right" vertical="center"/>
    </xf>
    <xf numFmtId="176" fontId="4" fillId="0" borderId="69" xfId="4" applyNumberFormat="1" applyFont="1" applyBorder="1" applyAlignment="1">
      <alignment horizontal="distributed" vertical="center"/>
    </xf>
    <xf numFmtId="176" fontId="4" fillId="0" borderId="80" xfId="4" applyNumberFormat="1" applyFont="1" applyBorder="1" applyAlignment="1">
      <alignment horizontal="right" vertical="center"/>
    </xf>
    <xf numFmtId="176" fontId="4" fillId="0" borderId="54" xfId="4" applyNumberFormat="1" applyFont="1" applyBorder="1" applyAlignment="1" applyProtection="1">
      <alignment horizontal="right" vertical="center"/>
      <protection locked="0"/>
    </xf>
    <xf numFmtId="176" fontId="4" fillId="0" borderId="54" xfId="4" applyNumberFormat="1" applyFont="1" applyBorder="1" applyAlignment="1">
      <alignment horizontal="right" vertical="center"/>
    </xf>
    <xf numFmtId="176" fontId="4" fillId="0" borderId="33" xfId="4" applyNumberFormat="1" applyFont="1" applyBorder="1" applyAlignment="1">
      <alignment horizontal="right" vertical="center"/>
    </xf>
    <xf numFmtId="176" fontId="4" fillId="0" borderId="75" xfId="4" applyNumberFormat="1" applyFont="1" applyBorder="1" applyAlignment="1">
      <alignment horizontal="right" vertical="center"/>
    </xf>
    <xf numFmtId="176" fontId="4" fillId="0" borderId="62" xfId="4" applyNumberFormat="1" applyFont="1" applyBorder="1" applyAlignment="1">
      <alignment horizontal="right" vertical="center"/>
    </xf>
    <xf numFmtId="176" fontId="4" fillId="0" borderId="71" xfId="4" applyNumberFormat="1" applyFont="1" applyBorder="1" applyAlignment="1">
      <alignment horizontal="right" vertical="center"/>
    </xf>
    <xf numFmtId="181" fontId="4" fillId="0" borderId="30" xfId="4" applyNumberFormat="1" applyFont="1" applyBorder="1" applyAlignment="1">
      <alignment horizontal="right" vertical="center"/>
    </xf>
    <xf numFmtId="181" fontId="4" fillId="0" borderId="29" xfId="4" applyNumberFormat="1" applyFont="1" applyBorder="1" applyAlignment="1">
      <alignment horizontal="right" vertical="center"/>
    </xf>
    <xf numFmtId="181" fontId="4" fillId="0" borderId="62" xfId="4" applyNumberFormat="1" applyFont="1" applyBorder="1" applyAlignment="1">
      <alignment horizontal="right" vertical="center"/>
    </xf>
    <xf numFmtId="185" fontId="4" fillId="0" borderId="29" xfId="4" applyNumberFormat="1" applyFont="1" applyBorder="1" applyAlignment="1">
      <alignment horizontal="right" vertical="center"/>
    </xf>
    <xf numFmtId="176" fontId="4" fillId="0" borderId="24" xfId="4" applyNumberFormat="1" applyFont="1" applyBorder="1" applyAlignment="1">
      <alignment horizontal="right" vertical="center"/>
    </xf>
    <xf numFmtId="176" fontId="4" fillId="3" borderId="77" xfId="4" applyNumberFormat="1" applyFont="1" applyFill="1" applyBorder="1" applyAlignment="1">
      <alignment horizontal="right" vertical="center"/>
    </xf>
    <xf numFmtId="176" fontId="27" fillId="0" borderId="41" xfId="4" applyNumberFormat="1" applyFont="1" applyBorder="1" applyAlignment="1">
      <alignment horizontal="right" vertical="center"/>
    </xf>
    <xf numFmtId="176" fontId="27" fillId="0" borderId="38" xfId="4" applyNumberFormat="1" applyFont="1" applyBorder="1" applyAlignment="1">
      <alignment horizontal="right" vertical="center"/>
    </xf>
    <xf numFmtId="176" fontId="27" fillId="0" borderId="40" xfId="4" applyNumberFormat="1" applyFont="1" applyBorder="1" applyAlignment="1" applyProtection="1">
      <alignment horizontal="right" vertical="center"/>
      <protection locked="0"/>
    </xf>
    <xf numFmtId="176" fontId="27" fillId="0" borderId="49" xfId="4" applyNumberFormat="1" applyFont="1" applyBorder="1" applyAlignment="1">
      <alignment horizontal="right" vertical="center"/>
    </xf>
    <xf numFmtId="176" fontId="27" fillId="0" borderId="66" xfId="4" applyNumberFormat="1" applyFont="1" applyBorder="1" applyAlignment="1">
      <alignment horizontal="right" vertical="center"/>
    </xf>
    <xf numFmtId="176" fontId="27" fillId="0" borderId="65" xfId="4" applyNumberFormat="1" applyFont="1" applyBorder="1" applyAlignment="1">
      <alignment horizontal="right" vertical="center"/>
    </xf>
    <xf numFmtId="176" fontId="27" fillId="0" borderId="15" xfId="4" applyNumberFormat="1" applyFont="1" applyBorder="1" applyAlignment="1" applyProtection="1">
      <alignment horizontal="right" vertical="center"/>
      <protection locked="0"/>
    </xf>
    <xf numFmtId="176" fontId="27" fillId="0" borderId="16" xfId="4" applyNumberFormat="1" applyFont="1" applyBorder="1" applyAlignment="1">
      <alignment horizontal="right" vertical="center"/>
    </xf>
    <xf numFmtId="176" fontId="4" fillId="0" borderId="16" xfId="4" applyNumberFormat="1" applyFont="1" applyBorder="1" applyAlignment="1">
      <alignment horizontal="right" vertical="center"/>
    </xf>
    <xf numFmtId="181" fontId="4" fillId="0" borderId="12" xfId="4" applyNumberFormat="1" applyFont="1" applyBorder="1" applyAlignment="1">
      <alignment horizontal="right" vertical="center"/>
    </xf>
    <xf numFmtId="176" fontId="27" fillId="0" borderId="27" xfId="4" applyNumberFormat="1" applyFont="1" applyBorder="1" applyAlignment="1">
      <alignment horizontal="right" vertical="center"/>
    </xf>
    <xf numFmtId="176" fontId="27" fillId="0" borderId="24" xfId="4" applyNumberFormat="1" applyFont="1" applyBorder="1" applyAlignment="1">
      <alignment horizontal="right" vertical="center"/>
    </xf>
    <xf numFmtId="176" fontId="27" fillId="0" borderId="46" xfId="4" applyNumberFormat="1" applyFont="1" applyBorder="1" applyAlignment="1" applyProtection="1">
      <alignment horizontal="right" vertical="center"/>
      <protection locked="0"/>
    </xf>
    <xf numFmtId="176" fontId="27" fillId="0" borderId="50" xfId="4" applyNumberFormat="1" applyFont="1" applyBorder="1" applyAlignment="1">
      <alignment horizontal="right" vertical="center"/>
    </xf>
    <xf numFmtId="176" fontId="4" fillId="0" borderId="63" xfId="4" applyNumberFormat="1" applyFont="1" applyBorder="1" applyAlignment="1" applyProtection="1">
      <alignment horizontal="right" vertical="center"/>
      <protection locked="0"/>
    </xf>
    <xf numFmtId="176" fontId="4" fillId="0" borderId="26" xfId="4" applyNumberFormat="1" applyFont="1" applyBorder="1" applyAlignment="1" applyProtection="1">
      <alignment horizontal="right" vertical="center"/>
      <protection locked="0"/>
    </xf>
    <xf numFmtId="176" fontId="4" fillId="0" borderId="52" xfId="4" applyNumberFormat="1" applyFont="1" applyBorder="1" applyAlignment="1">
      <alignment horizontal="right" vertical="center"/>
    </xf>
    <xf numFmtId="176" fontId="4" fillId="0" borderId="59" xfId="4" applyNumberFormat="1" applyFont="1" applyBorder="1" applyAlignment="1">
      <alignment horizontal="right" vertical="center"/>
    </xf>
    <xf numFmtId="176" fontId="4" fillId="0" borderId="4" xfId="4" applyNumberFormat="1" applyFont="1" applyBorder="1" applyAlignment="1">
      <alignment horizontal="right" vertical="center"/>
    </xf>
    <xf numFmtId="176" fontId="4" fillId="0" borderId="61" xfId="4" applyNumberFormat="1" applyFont="1" applyBorder="1" applyAlignment="1">
      <alignment horizontal="center" vertical="center"/>
    </xf>
    <xf numFmtId="176" fontId="4" fillId="0" borderId="61" xfId="4" applyNumberFormat="1" applyFont="1" applyBorder="1" applyAlignment="1">
      <alignment horizontal="right" vertical="center"/>
    </xf>
    <xf numFmtId="176" fontId="4" fillId="0" borderId="2" xfId="4" applyNumberFormat="1" applyFont="1" applyBorder="1" applyAlignment="1">
      <alignment horizontal="right" vertical="center"/>
    </xf>
    <xf numFmtId="176" fontId="4" fillId="0" borderId="5" xfId="4" applyNumberFormat="1" applyFont="1" applyBorder="1" applyAlignment="1">
      <alignment horizontal="right" vertical="center"/>
    </xf>
    <xf numFmtId="181" fontId="4" fillId="0" borderId="1" xfId="4" applyNumberFormat="1" applyFont="1" applyBorder="1" applyAlignment="1">
      <alignment horizontal="right" vertical="center"/>
    </xf>
    <xf numFmtId="181" fontId="4" fillId="0" borderId="59" xfId="4" applyNumberFormat="1" applyFont="1" applyBorder="1" applyAlignment="1">
      <alignment horizontal="right" vertical="center"/>
    </xf>
    <xf numFmtId="185" fontId="4" fillId="0" borderId="1" xfId="4" applyNumberFormat="1" applyFont="1" applyBorder="1" applyAlignment="1">
      <alignment horizontal="right" vertical="center"/>
    </xf>
    <xf numFmtId="177" fontId="2" fillId="0" borderId="0" xfId="4" applyNumberFormat="1" applyFont="1" applyAlignment="1">
      <alignment vertical="center"/>
    </xf>
    <xf numFmtId="176" fontId="7" fillId="0" borderId="0" xfId="4" applyNumberFormat="1" applyFont="1" applyAlignment="1">
      <alignment vertical="top"/>
    </xf>
    <xf numFmtId="177" fontId="2" fillId="0" borderId="0" xfId="4" applyNumberFormat="1" applyFont="1" applyAlignment="1">
      <alignment vertical="top"/>
    </xf>
    <xf numFmtId="176" fontId="4" fillId="0" borderId="0" xfId="4" applyNumberFormat="1" applyFont="1" applyAlignment="1">
      <alignment vertical="top"/>
    </xf>
    <xf numFmtId="176" fontId="4" fillId="0" borderId="9" xfId="4" applyNumberFormat="1" applyFont="1" applyBorder="1" applyAlignment="1">
      <alignment horizontal="distributed" vertical="center"/>
    </xf>
    <xf numFmtId="176" fontId="4" fillId="0" borderId="7" xfId="4" applyNumberFormat="1" applyFont="1" applyBorder="1" applyAlignment="1">
      <alignment horizontal="left" vertical="center"/>
    </xf>
    <xf numFmtId="177" fontId="4" fillId="0" borderId="6" xfId="4" applyNumberFormat="1" applyFont="1" applyBorder="1" applyAlignment="1">
      <alignment horizontal="left" vertical="center" wrapText="1"/>
    </xf>
    <xf numFmtId="176" fontId="4" fillId="0" borderId="48" xfId="4" applyNumberFormat="1" applyFont="1" applyBorder="1" applyAlignment="1">
      <alignment horizontal="left" vertical="center"/>
    </xf>
    <xf numFmtId="176" fontId="4" fillId="0" borderId="55" xfId="4" applyNumberFormat="1" applyFont="1" applyBorder="1" applyAlignment="1">
      <alignment horizontal="centerContinuous" vertical="center"/>
    </xf>
    <xf numFmtId="176" fontId="4" fillId="0" borderId="10" xfId="4" applyNumberFormat="1" applyFont="1" applyBorder="1" applyAlignment="1">
      <alignment horizontal="left" vertical="center"/>
    </xf>
    <xf numFmtId="176" fontId="4" fillId="0" borderId="57" xfId="4" applyNumberFormat="1" applyFont="1" applyBorder="1" applyAlignment="1">
      <alignment vertical="center"/>
    </xf>
    <xf numFmtId="176" fontId="4" fillId="0" borderId="55" xfId="4" applyNumberFormat="1" applyFont="1" applyBorder="1" applyAlignment="1">
      <alignment horizontal="center" vertical="center"/>
    </xf>
    <xf numFmtId="0" fontId="4" fillId="0" borderId="21" xfId="4" applyFont="1" applyBorder="1" applyAlignment="1">
      <alignment horizontal="center" vertical="center" shrinkToFit="1"/>
    </xf>
    <xf numFmtId="177" fontId="4" fillId="0" borderId="18" xfId="4" applyNumberFormat="1" applyFont="1" applyBorder="1" applyAlignment="1">
      <alignment horizontal="center" vertical="center" shrinkToFit="1"/>
    </xf>
    <xf numFmtId="0" fontId="4" fillId="0" borderId="11" xfId="4" applyFont="1" applyBorder="1" applyAlignment="1">
      <alignment horizontal="center" vertical="center"/>
    </xf>
    <xf numFmtId="176" fontId="4" fillId="0" borderId="16" xfId="4" applyNumberFormat="1" applyFont="1" applyBorder="1" applyAlignment="1">
      <alignment vertical="center" wrapText="1"/>
    </xf>
    <xf numFmtId="176" fontId="4" fillId="0" borderId="20" xfId="4" applyNumberFormat="1" applyFont="1" applyBorder="1" applyAlignment="1">
      <alignment vertical="center" shrinkToFit="1"/>
    </xf>
    <xf numFmtId="176" fontId="4" fillId="0" borderId="53" xfId="4" applyNumberFormat="1" applyFont="1" applyBorder="1" applyAlignment="1">
      <alignment horizontal="distributed" vertical="center"/>
    </xf>
    <xf numFmtId="0" fontId="4" fillId="0" borderId="21" xfId="4" applyFont="1" applyBorder="1" applyAlignment="1">
      <alignment horizontal="center" vertical="center"/>
    </xf>
    <xf numFmtId="0" fontId="4" fillId="0" borderId="18" xfId="4" applyFont="1" applyBorder="1" applyAlignment="1">
      <alignment horizontal="center" vertical="center"/>
    </xf>
    <xf numFmtId="176" fontId="4" fillId="0" borderId="22" xfId="4" applyNumberFormat="1" applyFont="1" applyBorder="1" applyAlignment="1">
      <alignment horizontal="center" vertical="center" wrapText="1"/>
    </xf>
    <xf numFmtId="176" fontId="4" fillId="0" borderId="13" xfId="4" applyNumberFormat="1" applyFont="1" applyBorder="1" applyAlignment="1">
      <alignment horizontal="center" vertical="center" shrinkToFit="1"/>
    </xf>
    <xf numFmtId="176" fontId="4" fillId="0" borderId="12" xfId="4" applyNumberFormat="1" applyFont="1" applyBorder="1" applyAlignment="1">
      <alignment horizontal="center" vertical="center" shrinkToFit="1"/>
    </xf>
    <xf numFmtId="177" fontId="4" fillId="0" borderId="18" xfId="4" applyNumberFormat="1" applyFont="1" applyBorder="1" applyAlignment="1">
      <alignment horizontal="center" vertical="center" wrapText="1"/>
    </xf>
    <xf numFmtId="176" fontId="4" fillId="0" borderId="59" xfId="4" applyNumberFormat="1" applyFont="1" applyBorder="1" applyAlignment="1">
      <alignment horizontal="center" vertical="center"/>
    </xf>
    <xf numFmtId="176" fontId="4" fillId="0" borderId="4" xfId="4" applyNumberFormat="1" applyFont="1" applyBorder="1" applyAlignment="1">
      <alignment horizontal="center" vertical="center"/>
    </xf>
    <xf numFmtId="176" fontId="4" fillId="0" borderId="5" xfId="4" applyNumberFormat="1" applyFont="1" applyBorder="1" applyAlignment="1">
      <alignment horizontal="center" vertical="center" wrapText="1"/>
    </xf>
    <xf numFmtId="176" fontId="4" fillId="0" borderId="3" xfId="4" applyNumberFormat="1" applyFont="1" applyBorder="1" applyAlignment="1">
      <alignment horizontal="center" vertical="center" wrapText="1"/>
    </xf>
    <xf numFmtId="176" fontId="4" fillId="0" borderId="53" xfId="4" applyNumberFormat="1" applyFont="1" applyBorder="1" applyAlignment="1">
      <alignment horizontal="center" vertical="center"/>
    </xf>
    <xf numFmtId="0" fontId="4" fillId="0" borderId="2" xfId="4" applyFont="1" applyBorder="1" applyAlignment="1">
      <alignment horizontal="center" vertical="center"/>
    </xf>
    <xf numFmtId="176" fontId="4" fillId="0" borderId="1" xfId="4" applyNumberFormat="1" applyFont="1" applyBorder="1" applyAlignment="1">
      <alignment horizontal="center" vertical="center" shrinkToFit="1"/>
    </xf>
    <xf numFmtId="176" fontId="4" fillId="0" borderId="3" xfId="4" applyNumberFormat="1" applyFont="1" applyBorder="1" applyAlignment="1">
      <alignment horizontal="center" vertical="center" shrinkToFit="1"/>
    </xf>
    <xf numFmtId="0" fontId="4" fillId="0" borderId="2" xfId="4" applyFont="1" applyBorder="1" applyAlignment="1">
      <alignment horizontal="center" vertical="center" shrinkToFit="1"/>
    </xf>
    <xf numFmtId="0" fontId="4" fillId="0" borderId="1" xfId="4" applyFont="1" applyBorder="1" applyAlignment="1">
      <alignment horizontal="center" vertical="center" shrinkToFit="1"/>
    </xf>
    <xf numFmtId="0" fontId="4" fillId="0" borderId="2" xfId="4" quotePrefix="1" applyFont="1" applyBorder="1" applyAlignment="1">
      <alignment horizontal="center" vertical="center" shrinkToFit="1"/>
    </xf>
    <xf numFmtId="177" fontId="4" fillId="0" borderId="1" xfId="4" quotePrefix="1" applyNumberFormat="1" applyFont="1" applyBorder="1" applyAlignment="1">
      <alignment horizontal="center" vertical="center" shrinkToFit="1"/>
    </xf>
    <xf numFmtId="176" fontId="4" fillId="0" borderId="73" xfId="4" applyNumberFormat="1" applyFont="1" applyBorder="1" applyAlignment="1">
      <alignment horizontal="center" vertical="center"/>
    </xf>
    <xf numFmtId="176" fontId="4" fillId="0" borderId="65" xfId="4" applyNumberFormat="1" applyFont="1" applyBorder="1" applyAlignment="1">
      <alignment horizontal="center" vertical="center"/>
    </xf>
    <xf numFmtId="176" fontId="4" fillId="0" borderId="72" xfId="4" applyNumberFormat="1" applyFont="1" applyBorder="1" applyAlignment="1">
      <alignment horizontal="center" vertical="center"/>
    </xf>
    <xf numFmtId="176" fontId="4" fillId="0" borderId="48" xfId="4" applyNumberFormat="1" applyFont="1" applyBorder="1" applyAlignment="1">
      <alignment vertical="center" shrinkToFit="1"/>
    </xf>
    <xf numFmtId="176" fontId="4" fillId="0" borderId="46" xfId="4" applyNumberFormat="1" applyFont="1" applyBorder="1" applyAlignment="1">
      <alignment horizontal="right" vertical="center" shrinkToFit="1"/>
    </xf>
    <xf numFmtId="176" fontId="4" fillId="0" borderId="10" xfId="4" applyNumberFormat="1" applyFont="1" applyBorder="1" applyAlignment="1" applyProtection="1">
      <alignment horizontal="right" vertical="center" shrinkToFit="1"/>
      <protection locked="0"/>
    </xf>
    <xf numFmtId="176" fontId="4" fillId="0" borderId="47" xfId="4" applyNumberFormat="1" applyFont="1" applyBorder="1" applyAlignment="1">
      <alignment horizontal="right" vertical="center" shrinkToFit="1"/>
    </xf>
    <xf numFmtId="176" fontId="4" fillId="0" borderId="43" xfId="4" applyNumberFormat="1" applyFont="1" applyBorder="1" applyAlignment="1">
      <alignment horizontal="right" vertical="center" shrinkToFit="1"/>
    </xf>
    <xf numFmtId="176" fontId="4" fillId="0" borderId="76" xfId="4" applyNumberFormat="1" applyFont="1" applyBorder="1" applyAlignment="1">
      <alignment horizontal="right" vertical="center" shrinkToFit="1"/>
    </xf>
    <xf numFmtId="176" fontId="4" fillId="0" borderId="8" xfId="4" applyNumberFormat="1" applyFont="1" applyBorder="1" applyAlignment="1">
      <alignment horizontal="right" vertical="center" shrinkToFit="1"/>
    </xf>
    <xf numFmtId="176" fontId="4" fillId="0" borderId="50" xfId="4" applyNumberFormat="1" applyFont="1" applyBorder="1" applyAlignment="1">
      <alignment horizontal="right" vertical="center" shrinkToFit="1"/>
    </xf>
    <xf numFmtId="176" fontId="4" fillId="0" borderId="57" xfId="4" applyNumberFormat="1" applyFont="1" applyBorder="1" applyAlignment="1">
      <alignment horizontal="right" vertical="center" shrinkToFit="1"/>
    </xf>
    <xf numFmtId="176" fontId="4" fillId="0" borderId="6" xfId="4" applyNumberFormat="1" applyFont="1" applyBorder="1" applyAlignment="1">
      <alignment horizontal="right" vertical="center" shrinkToFit="1"/>
    </xf>
    <xf numFmtId="176" fontId="4" fillId="0" borderId="45" xfId="4" applyNumberFormat="1" applyFont="1" applyBorder="1" applyAlignment="1">
      <alignment horizontal="right" vertical="center" shrinkToFit="1"/>
    </xf>
    <xf numFmtId="181" fontId="4" fillId="0" borderId="43" xfId="4" applyNumberFormat="1" applyFont="1" applyBorder="1" applyAlignment="1">
      <alignment horizontal="right" vertical="center" shrinkToFit="1"/>
    </xf>
    <xf numFmtId="178" fontId="4" fillId="0" borderId="28" xfId="4" applyNumberFormat="1" applyFont="1" applyBorder="1" applyAlignment="1" applyProtection="1">
      <alignment horizontal="center" vertical="center"/>
      <protection locked="0"/>
    </xf>
    <xf numFmtId="178" fontId="4" fillId="0" borderId="24" xfId="4" applyNumberFormat="1" applyFont="1" applyBorder="1" applyAlignment="1" applyProtection="1">
      <alignment horizontal="center" vertical="center"/>
      <protection locked="0"/>
    </xf>
    <xf numFmtId="178" fontId="4" fillId="0" borderId="43" xfId="4" applyNumberFormat="1" applyFont="1" applyBorder="1" applyAlignment="1" applyProtection="1">
      <alignment horizontal="right" vertical="center"/>
      <protection locked="0"/>
    </xf>
    <xf numFmtId="176" fontId="4" fillId="0" borderId="42" xfId="4" applyNumberFormat="1" applyFont="1" applyBorder="1" applyAlignment="1">
      <alignment vertical="center" shrinkToFit="1"/>
    </xf>
    <xf numFmtId="176" fontId="4" fillId="0" borderId="40" xfId="4" applyNumberFormat="1" applyFont="1" applyBorder="1" applyAlignment="1">
      <alignment horizontal="right" vertical="center" shrinkToFit="1"/>
    </xf>
    <xf numFmtId="176" fontId="4" fillId="0" borderId="49" xfId="4" applyNumberFormat="1" applyFont="1" applyBorder="1" applyAlignment="1" applyProtection="1">
      <alignment horizontal="right" vertical="center" shrinkToFit="1"/>
      <protection locked="0"/>
    </xf>
    <xf numFmtId="176" fontId="4" fillId="0" borderId="41" xfId="4" applyNumberFormat="1" applyFont="1" applyBorder="1" applyAlignment="1">
      <alignment horizontal="right" vertical="center" shrinkToFit="1"/>
    </xf>
    <xf numFmtId="176" fontId="4" fillId="0" borderId="37" xfId="4" applyNumberFormat="1" applyFont="1" applyBorder="1" applyAlignment="1">
      <alignment horizontal="right" vertical="center" shrinkToFit="1"/>
    </xf>
    <xf numFmtId="176" fontId="4" fillId="0" borderId="79" xfId="4" applyNumberFormat="1" applyFont="1" applyBorder="1" applyAlignment="1">
      <alignment horizontal="right" vertical="center" shrinkToFit="1"/>
    </xf>
    <xf numFmtId="176" fontId="4" fillId="0" borderId="39" xfId="4" applyNumberFormat="1" applyFont="1" applyBorder="1" applyAlignment="1">
      <alignment horizontal="right" vertical="center" shrinkToFit="1"/>
    </xf>
    <xf numFmtId="176" fontId="4" fillId="0" borderId="49" xfId="4" applyNumberFormat="1" applyFont="1" applyBorder="1" applyAlignment="1">
      <alignment horizontal="right" vertical="center" shrinkToFit="1"/>
    </xf>
    <xf numFmtId="181" fontId="4" fillId="0" borderId="37" xfId="4" applyNumberFormat="1" applyFont="1" applyBorder="1" applyAlignment="1">
      <alignment horizontal="right" vertical="center" shrinkToFit="1"/>
    </xf>
    <xf numFmtId="178" fontId="4" fillId="0" borderId="22" xfId="4" applyNumberFormat="1" applyFont="1" applyBorder="1" applyAlignment="1" applyProtection="1">
      <alignment horizontal="center" vertical="center"/>
      <protection locked="0"/>
    </xf>
    <xf numFmtId="178" fontId="4" fillId="0" borderId="38" xfId="4" applyNumberFormat="1" applyFont="1" applyBorder="1" applyAlignment="1" applyProtection="1">
      <alignment horizontal="center" vertical="center"/>
      <protection locked="0"/>
    </xf>
    <xf numFmtId="178" fontId="4" fillId="0" borderId="37" xfId="4" applyNumberFormat="1" applyFont="1" applyBorder="1" applyAlignment="1" applyProtection="1">
      <alignment horizontal="right" vertical="center"/>
      <protection locked="0"/>
    </xf>
    <xf numFmtId="178" fontId="4" fillId="0" borderId="42" xfId="4" applyNumberFormat="1" applyFont="1" applyBorder="1" applyAlignment="1" applyProtection="1">
      <alignment horizontal="center" vertical="center"/>
      <protection locked="0"/>
    </xf>
    <xf numFmtId="176" fontId="4" fillId="0" borderId="68" xfId="4" applyNumberFormat="1" applyFont="1" applyBorder="1" applyAlignment="1">
      <alignment vertical="center" shrinkToFit="1"/>
    </xf>
    <xf numFmtId="176" fontId="4" fillId="0" borderId="15" xfId="4" applyNumberFormat="1" applyFont="1" applyBorder="1" applyAlignment="1">
      <alignment horizontal="right" vertical="center" shrinkToFit="1"/>
    </xf>
    <xf numFmtId="176" fontId="4" fillId="0" borderId="73" xfId="4" applyNumberFormat="1" applyFont="1" applyBorder="1" applyAlignment="1" applyProtection="1">
      <alignment horizontal="right" vertical="center" shrinkToFit="1"/>
      <protection locked="0"/>
    </xf>
    <xf numFmtId="176" fontId="4" fillId="0" borderId="66" xfId="4" applyNumberFormat="1" applyFont="1" applyBorder="1" applyAlignment="1">
      <alignment horizontal="right" vertical="center" shrinkToFit="1"/>
    </xf>
    <xf numFmtId="176" fontId="4" fillId="0" borderId="72" xfId="4" applyNumberFormat="1" applyFont="1" applyBorder="1" applyAlignment="1">
      <alignment horizontal="right" vertical="center" shrinkToFit="1"/>
    </xf>
    <xf numFmtId="176" fontId="4" fillId="0" borderId="78" xfId="4" applyNumberFormat="1" applyFont="1" applyBorder="1" applyAlignment="1">
      <alignment horizontal="right" vertical="center" shrinkToFit="1"/>
    </xf>
    <xf numFmtId="176" fontId="4" fillId="0" borderId="73" xfId="4" applyNumberFormat="1" applyFont="1" applyBorder="1" applyAlignment="1">
      <alignment horizontal="right" vertical="center" shrinkToFit="1"/>
    </xf>
    <xf numFmtId="176" fontId="4" fillId="0" borderId="60" xfId="4" applyNumberFormat="1" applyFont="1" applyBorder="1" applyAlignment="1">
      <alignment horizontal="right" vertical="center" shrinkToFit="1"/>
    </xf>
    <xf numFmtId="176" fontId="4" fillId="0" borderId="1" xfId="4" applyNumberFormat="1" applyFont="1" applyBorder="1" applyAlignment="1">
      <alignment horizontal="right" vertical="center" shrinkToFit="1"/>
    </xf>
    <xf numFmtId="176" fontId="4" fillId="0" borderId="67" xfId="4" applyNumberFormat="1" applyFont="1" applyBorder="1" applyAlignment="1">
      <alignment horizontal="right" vertical="center" shrinkToFit="1"/>
    </xf>
    <xf numFmtId="181" fontId="4" fillId="0" borderId="72" xfId="4" applyNumberFormat="1" applyFont="1" applyBorder="1" applyAlignment="1">
      <alignment horizontal="right" vertical="center" shrinkToFit="1"/>
    </xf>
    <xf numFmtId="178" fontId="4" fillId="0" borderId="68" xfId="4" applyNumberFormat="1" applyFont="1" applyBorder="1" applyAlignment="1" applyProtection="1">
      <alignment horizontal="center" vertical="center"/>
      <protection locked="0"/>
    </xf>
    <xf numFmtId="178" fontId="4" fillId="0" borderId="65" xfId="4" applyNumberFormat="1" applyFont="1" applyBorder="1" applyAlignment="1" applyProtection="1">
      <alignment horizontal="center" vertical="center"/>
      <protection locked="0"/>
    </xf>
    <xf numFmtId="178" fontId="4" fillId="0" borderId="72" xfId="4" applyNumberFormat="1" applyFont="1" applyBorder="1" applyAlignment="1" applyProtection="1">
      <alignment horizontal="right" vertical="center"/>
      <protection locked="0"/>
    </xf>
    <xf numFmtId="176" fontId="4" fillId="0" borderId="74" xfId="4" applyNumberFormat="1" applyFont="1" applyBorder="1" applyAlignment="1" applyProtection="1">
      <alignment horizontal="right" vertical="center" shrinkToFit="1"/>
      <protection locked="0"/>
    </xf>
    <xf numFmtId="176" fontId="4" fillId="0" borderId="27" xfId="4" applyNumberFormat="1" applyFont="1" applyBorder="1" applyAlignment="1">
      <alignment horizontal="right" vertical="center" shrinkToFit="1"/>
    </xf>
    <xf numFmtId="176" fontId="4" fillId="0" borderId="25" xfId="4" applyNumberFormat="1" applyFont="1" applyBorder="1" applyAlignment="1">
      <alignment horizontal="right" vertical="center" shrinkToFit="1"/>
    </xf>
    <xf numFmtId="176" fontId="4" fillId="0" borderId="44" xfId="4" applyNumberFormat="1" applyFont="1" applyBorder="1" applyAlignment="1">
      <alignment horizontal="right" vertical="center" shrinkToFit="1"/>
    </xf>
    <xf numFmtId="176" fontId="4" fillId="0" borderId="74" xfId="4" applyNumberFormat="1" applyFont="1" applyBorder="1" applyAlignment="1">
      <alignment horizontal="right" vertical="center" shrinkToFit="1"/>
    </xf>
    <xf numFmtId="178" fontId="4" fillId="0" borderId="23" xfId="4" applyNumberFormat="1" applyFont="1" applyBorder="1" applyAlignment="1" applyProtection="1">
      <alignment horizontal="right" vertical="center"/>
      <protection locked="0"/>
    </xf>
    <xf numFmtId="176" fontId="4" fillId="0" borderId="38" xfId="4" applyNumberFormat="1" applyFont="1" applyBorder="1" applyAlignment="1">
      <alignment horizontal="right" vertical="center" shrinkToFit="1"/>
    </xf>
    <xf numFmtId="176" fontId="4" fillId="0" borderId="13" xfId="4" applyNumberFormat="1" applyFont="1" applyBorder="1" applyAlignment="1">
      <alignment horizontal="right" vertical="center" shrinkToFit="1"/>
    </xf>
    <xf numFmtId="176" fontId="4" fillId="0" borderId="12" xfId="4" applyNumberFormat="1" applyFont="1" applyBorder="1" applyAlignment="1">
      <alignment horizontal="right" vertical="center" shrinkToFit="1"/>
    </xf>
    <xf numFmtId="176" fontId="4" fillId="0" borderId="63" xfId="4" applyNumberFormat="1" applyFont="1" applyBorder="1" applyAlignment="1">
      <alignment horizontal="right" vertical="center" shrinkToFit="1"/>
    </xf>
    <xf numFmtId="176" fontId="4" fillId="0" borderId="14" xfId="4" applyNumberFormat="1" applyFont="1" applyBorder="1" applyAlignment="1">
      <alignment horizontal="right" vertical="center" shrinkToFit="1"/>
    </xf>
    <xf numFmtId="176" fontId="4" fillId="0" borderId="65" xfId="4" applyNumberFormat="1" applyFont="1" applyBorder="1" applyAlignment="1">
      <alignment horizontal="right" vertical="center" shrinkToFit="1"/>
    </xf>
    <xf numFmtId="176" fontId="4" fillId="0" borderId="23" xfId="4" applyNumberFormat="1" applyFont="1" applyBorder="1" applyAlignment="1">
      <alignment horizontal="right" vertical="center" shrinkToFit="1"/>
    </xf>
    <xf numFmtId="176" fontId="4" fillId="0" borderId="26" xfId="4" applyNumberFormat="1" applyFont="1" applyBorder="1" applyAlignment="1">
      <alignment horizontal="right" vertical="center" shrinkToFit="1"/>
    </xf>
    <xf numFmtId="181" fontId="4" fillId="0" borderId="44" xfId="4" applyNumberFormat="1" applyFont="1" applyBorder="1" applyAlignment="1">
      <alignment horizontal="right" vertical="center" shrinkToFit="1"/>
    </xf>
    <xf numFmtId="178" fontId="4" fillId="0" borderId="48" xfId="4" applyNumberFormat="1" applyFont="1" applyBorder="1" applyAlignment="1" applyProtection="1">
      <alignment horizontal="center" vertical="center"/>
      <protection locked="0"/>
    </xf>
    <xf numFmtId="178" fontId="4" fillId="0" borderId="44" xfId="4" applyNumberFormat="1" applyFont="1" applyBorder="1" applyAlignment="1" applyProtection="1">
      <alignment horizontal="center" vertical="center"/>
      <protection locked="0"/>
    </xf>
    <xf numFmtId="181" fontId="4" fillId="0" borderId="38" xfId="4" applyNumberFormat="1" applyFont="1" applyBorder="1" applyAlignment="1">
      <alignment horizontal="right" vertical="center" shrinkToFit="1"/>
    </xf>
    <xf numFmtId="181" fontId="4" fillId="0" borderId="65" xfId="4" applyNumberFormat="1" applyFont="1" applyBorder="1" applyAlignment="1">
      <alignment horizontal="right" vertical="center" shrinkToFit="1"/>
    </xf>
    <xf numFmtId="178" fontId="4" fillId="0" borderId="73" xfId="4" applyNumberFormat="1" applyFont="1" applyBorder="1" applyAlignment="1" applyProtection="1">
      <alignment horizontal="center" vertical="center"/>
      <protection locked="0"/>
    </xf>
    <xf numFmtId="176" fontId="4" fillId="0" borderId="34" xfId="4" applyNumberFormat="1" applyFont="1" applyBorder="1" applyAlignment="1">
      <alignment vertical="center" shrinkToFit="1"/>
    </xf>
    <xf numFmtId="176" fontId="4" fillId="0" borderId="32" xfId="4" applyNumberFormat="1" applyFont="1" applyBorder="1" applyAlignment="1">
      <alignment horizontal="right" vertical="center" shrinkToFit="1"/>
    </xf>
    <xf numFmtId="176" fontId="4" fillId="0" borderId="34" xfId="4" applyNumberFormat="1" applyFont="1" applyBorder="1" applyAlignment="1" applyProtection="1">
      <alignment horizontal="right" vertical="center" shrinkToFit="1"/>
      <protection locked="0"/>
    </xf>
    <xf numFmtId="176" fontId="4" fillId="0" borderId="33" xfId="4" applyNumberFormat="1" applyFont="1" applyBorder="1" applyAlignment="1">
      <alignment vertical="center"/>
    </xf>
    <xf numFmtId="176" fontId="4" fillId="0" borderId="75" xfId="4" applyNumberFormat="1" applyFont="1" applyBorder="1" applyAlignment="1">
      <alignment horizontal="right" vertical="center" shrinkToFit="1"/>
    </xf>
    <xf numFmtId="176" fontId="4" fillId="0" borderId="31" xfId="4" applyNumberFormat="1" applyFont="1" applyBorder="1" applyAlignment="1">
      <alignment horizontal="right" vertical="center" shrinkToFit="1"/>
    </xf>
    <xf numFmtId="176" fontId="4" fillId="0" borderId="33" xfId="4" applyNumberFormat="1" applyFont="1" applyBorder="1" applyAlignment="1">
      <alignment horizontal="right" vertical="center" shrinkToFit="1"/>
    </xf>
    <xf numFmtId="176" fontId="4" fillId="0" borderId="30" xfId="4" applyNumberFormat="1" applyFont="1" applyBorder="1" applyAlignment="1">
      <alignment horizontal="right" vertical="center" shrinkToFit="1"/>
    </xf>
    <xf numFmtId="176" fontId="4" fillId="0" borderId="71" xfId="4" applyNumberFormat="1" applyFont="1" applyBorder="1" applyAlignment="1">
      <alignment horizontal="right" vertical="center" shrinkToFit="1"/>
    </xf>
    <xf numFmtId="176" fontId="4" fillId="0" borderId="29" xfId="4" applyNumberFormat="1" applyFont="1" applyBorder="1" applyAlignment="1">
      <alignment horizontal="right" vertical="center" shrinkToFit="1"/>
    </xf>
    <xf numFmtId="178" fontId="4" fillId="0" borderId="71" xfId="4" applyNumberFormat="1" applyFont="1" applyBorder="1" applyAlignment="1">
      <alignment vertical="center"/>
    </xf>
    <xf numFmtId="178" fontId="4" fillId="0" borderId="33" xfId="4" applyNumberFormat="1" applyFont="1" applyBorder="1" applyAlignment="1">
      <alignment vertical="center"/>
    </xf>
    <xf numFmtId="176" fontId="4" fillId="0" borderId="28" xfId="4" applyNumberFormat="1" applyFont="1" applyBorder="1" applyAlignment="1">
      <alignment vertical="center" shrinkToFit="1"/>
    </xf>
    <xf numFmtId="176" fontId="4" fillId="0" borderId="50" xfId="4" applyNumberFormat="1" applyFont="1" applyBorder="1" applyAlignment="1" applyProtection="1">
      <alignment horizontal="right" vertical="center" shrinkToFit="1"/>
      <protection locked="0"/>
    </xf>
    <xf numFmtId="176" fontId="4" fillId="0" borderId="77" xfId="4" applyNumberFormat="1" applyFont="1" applyBorder="1" applyAlignment="1">
      <alignment horizontal="right" vertical="center" shrinkToFit="1"/>
    </xf>
    <xf numFmtId="176" fontId="4" fillId="0" borderId="24" xfId="4" applyNumberFormat="1" applyFont="1" applyBorder="1" applyAlignment="1">
      <alignment horizontal="right" vertical="center" shrinkToFit="1"/>
    </xf>
    <xf numFmtId="176" fontId="4" fillId="0" borderId="22" xfId="4" applyNumberFormat="1" applyFont="1" applyBorder="1" applyAlignment="1">
      <alignment vertical="center" shrinkToFit="1"/>
    </xf>
    <xf numFmtId="176" fontId="4" fillId="0" borderId="53" xfId="4" applyNumberFormat="1" applyFont="1" applyBorder="1" applyAlignment="1">
      <alignment horizontal="right" vertical="center" shrinkToFit="1"/>
    </xf>
    <xf numFmtId="176" fontId="4" fillId="0" borderId="5" xfId="4" applyNumberFormat="1" applyFont="1" applyBorder="1" applyAlignment="1">
      <alignment horizontal="right" vertical="center" shrinkToFit="1"/>
    </xf>
    <xf numFmtId="176" fontId="4" fillId="0" borderId="21" xfId="4" applyNumberFormat="1" applyFont="1" applyBorder="1" applyAlignment="1">
      <alignment horizontal="right" vertical="center" shrinkToFit="1"/>
    </xf>
    <xf numFmtId="176" fontId="4" fillId="0" borderId="19" xfId="4" applyNumberFormat="1" applyFont="1" applyBorder="1" applyAlignment="1">
      <alignment horizontal="right" vertical="center" shrinkToFit="1"/>
    </xf>
    <xf numFmtId="178" fontId="4" fillId="0" borderId="51" xfId="4" applyNumberFormat="1" applyFont="1" applyBorder="1" applyAlignment="1" applyProtection="1">
      <alignment horizontal="center" vertical="center"/>
      <protection locked="0"/>
    </xf>
    <xf numFmtId="176" fontId="4" fillId="0" borderId="61" xfId="4" applyNumberFormat="1" applyFont="1" applyBorder="1" applyAlignment="1">
      <alignment vertical="center" shrinkToFit="1"/>
    </xf>
    <xf numFmtId="176" fontId="4" fillId="0" borderId="52" xfId="4" applyNumberFormat="1" applyFont="1" applyBorder="1" applyAlignment="1">
      <alignment horizontal="right" vertical="center" shrinkToFit="1"/>
    </xf>
    <xf numFmtId="176" fontId="4" fillId="0" borderId="2" xfId="4" applyNumberFormat="1" applyFont="1" applyBorder="1" applyAlignment="1">
      <alignment horizontal="right" vertical="center" shrinkToFit="1"/>
    </xf>
    <xf numFmtId="176" fontId="4" fillId="0" borderId="34" xfId="4" applyNumberFormat="1" applyFont="1" applyBorder="1" applyAlignment="1">
      <alignment horizontal="right" vertical="center" shrinkToFit="1"/>
    </xf>
    <xf numFmtId="176" fontId="4" fillId="0" borderId="62" xfId="4" applyNumberFormat="1" applyFont="1" applyBorder="1" applyAlignment="1">
      <alignment horizontal="right" vertical="center" shrinkToFit="1"/>
    </xf>
    <xf numFmtId="178" fontId="4" fillId="0" borderId="29" xfId="4" applyNumberFormat="1" applyFont="1" applyBorder="1" applyAlignment="1">
      <alignment vertical="center"/>
    </xf>
    <xf numFmtId="176" fontId="4" fillId="0" borderId="4" xfId="4" applyNumberFormat="1" applyFont="1" applyBorder="1" applyAlignment="1">
      <alignment horizontal="right" vertical="center" shrinkToFit="1"/>
    </xf>
    <xf numFmtId="176" fontId="4" fillId="0" borderId="3" xfId="4" applyNumberFormat="1" applyFont="1" applyBorder="1" applyAlignment="1">
      <alignment horizontal="right" vertical="center" shrinkToFit="1"/>
    </xf>
    <xf numFmtId="176" fontId="4" fillId="0" borderId="59" xfId="4" applyNumberFormat="1" applyFont="1" applyBorder="1" applyAlignment="1">
      <alignment horizontal="right" vertical="center" shrinkToFit="1"/>
    </xf>
    <xf numFmtId="181" fontId="4" fillId="0" borderId="29" xfId="4" applyNumberFormat="1" applyFont="1" applyBorder="1" applyAlignment="1">
      <alignment horizontal="right" vertical="center" shrinkToFit="1"/>
    </xf>
    <xf numFmtId="178" fontId="4" fillId="0" borderId="5" xfId="4" applyNumberFormat="1" applyFont="1" applyBorder="1" applyAlignment="1">
      <alignment vertical="center"/>
    </xf>
    <xf numFmtId="178" fontId="4" fillId="0" borderId="2" xfId="4" applyNumberFormat="1" applyFont="1" applyBorder="1" applyAlignment="1">
      <alignment vertical="center"/>
    </xf>
    <xf numFmtId="178" fontId="4" fillId="0" borderId="1" xfId="4" applyNumberFormat="1" applyFont="1" applyBorder="1" applyAlignment="1">
      <alignment vertical="center"/>
    </xf>
    <xf numFmtId="177" fontId="4" fillId="0" borderId="0" xfId="4" applyNumberFormat="1" applyFont="1" applyAlignment="1">
      <alignment vertical="center"/>
    </xf>
    <xf numFmtId="176" fontId="2" fillId="0" borderId="0" xfId="4" applyNumberFormat="1" applyFont="1" applyAlignment="1">
      <alignment vertical="center" textRotation="255"/>
    </xf>
    <xf numFmtId="176" fontId="12" fillId="0" borderId="0" xfId="4" applyNumberFormat="1" applyFont="1" applyAlignment="1">
      <alignment vertical="top"/>
    </xf>
    <xf numFmtId="176" fontId="5" fillId="0" borderId="48" xfId="4" applyNumberFormat="1" applyFont="1" applyBorder="1" applyAlignment="1">
      <alignment horizontal="distributed" vertical="center"/>
    </xf>
    <xf numFmtId="176" fontId="5" fillId="0" borderId="58" xfId="4" applyNumberFormat="1" applyFont="1" applyBorder="1" applyAlignment="1">
      <alignment vertical="center"/>
    </xf>
    <xf numFmtId="0" fontId="1" fillId="0" borderId="58" xfId="4" applyBorder="1" applyAlignment="1">
      <alignment vertical="center"/>
    </xf>
    <xf numFmtId="176" fontId="5" fillId="0" borderId="55" xfId="4" applyNumberFormat="1" applyFont="1" applyBorder="1" applyAlignment="1">
      <alignment vertical="center"/>
    </xf>
    <xf numFmtId="176" fontId="5" fillId="0" borderId="0" xfId="4" applyNumberFormat="1" applyFont="1" applyAlignment="1">
      <alignment vertical="center" wrapText="1"/>
    </xf>
    <xf numFmtId="176" fontId="5" fillId="0" borderId="66" xfId="4" applyNumberFormat="1" applyFont="1" applyBorder="1" applyAlignment="1">
      <alignment horizontal="distributed" vertical="center" wrapText="1"/>
    </xf>
    <xf numFmtId="176" fontId="5" fillId="0" borderId="66" xfId="4" applyNumberFormat="1" applyFont="1" applyBorder="1" applyAlignment="1">
      <alignment horizontal="distributed" vertical="center" justifyLastLine="1"/>
    </xf>
    <xf numFmtId="176" fontId="4" fillId="0" borderId="66" xfId="4" applyNumberFormat="1" applyFont="1" applyBorder="1" applyAlignment="1">
      <alignment horizontal="distributed" vertical="center" justifyLastLine="1"/>
    </xf>
    <xf numFmtId="176" fontId="21" fillId="0" borderId="66" xfId="4" applyNumberFormat="1" applyFont="1" applyBorder="1" applyAlignment="1">
      <alignment horizontal="distributed" vertical="center" wrapText="1" justifyLastLine="1"/>
    </xf>
    <xf numFmtId="176" fontId="5" fillId="0" borderId="13" xfId="4" applyNumberFormat="1" applyFont="1" applyBorder="1" applyAlignment="1">
      <alignment horizontal="center" vertical="center" shrinkToFit="1"/>
    </xf>
    <xf numFmtId="176" fontId="5" fillId="0" borderId="0" xfId="4" applyNumberFormat="1" applyFont="1" applyAlignment="1">
      <alignment horizontal="distributed" vertical="center" wrapText="1"/>
    </xf>
    <xf numFmtId="176" fontId="5" fillId="0" borderId="58" xfId="4" applyNumberFormat="1" applyFont="1" applyBorder="1" applyAlignment="1">
      <alignment horizontal="right" vertical="center"/>
    </xf>
    <xf numFmtId="176" fontId="5" fillId="0" borderId="44" xfId="4" applyNumberFormat="1" applyFont="1" applyBorder="1" applyAlignment="1">
      <alignment horizontal="right" vertical="center"/>
    </xf>
    <xf numFmtId="176" fontId="5" fillId="0" borderId="19" xfId="4" applyNumberFormat="1" applyFont="1" applyBorder="1" applyAlignment="1">
      <alignment horizontal="right" vertical="center"/>
    </xf>
    <xf numFmtId="176" fontId="5" fillId="0" borderId="7" xfId="4" applyNumberFormat="1" applyFont="1" applyBorder="1" applyAlignment="1">
      <alignment horizontal="right" vertical="center"/>
    </xf>
    <xf numFmtId="176" fontId="5" fillId="0" borderId="43" xfId="4" applyNumberFormat="1" applyFont="1" applyBorder="1" applyAlignment="1">
      <alignment horizontal="right" vertical="center"/>
    </xf>
    <xf numFmtId="176" fontId="5" fillId="0" borderId="0" xfId="4" applyNumberFormat="1" applyFont="1" applyAlignment="1">
      <alignment horizontal="right" vertical="center"/>
    </xf>
    <xf numFmtId="176" fontId="5" fillId="0" borderId="18" xfId="4" applyNumberFormat="1" applyFont="1" applyBorder="1" applyAlignment="1">
      <alignment horizontal="right" vertical="center"/>
    </xf>
    <xf numFmtId="176" fontId="5" fillId="0" borderId="17" xfId="4" applyNumberFormat="1" applyFont="1" applyBorder="1" applyAlignment="1">
      <alignment horizontal="right" vertical="center"/>
    </xf>
    <xf numFmtId="176" fontId="5" fillId="0" borderId="38" xfId="4" applyNumberFormat="1" applyFont="1" applyBorder="1" applyAlignment="1">
      <alignment horizontal="right" vertical="center"/>
    </xf>
    <xf numFmtId="176" fontId="5" fillId="0" borderId="37" xfId="4" applyNumberFormat="1" applyFont="1" applyBorder="1" applyAlignment="1">
      <alignment horizontal="right" vertical="center"/>
    </xf>
    <xf numFmtId="176" fontId="5" fillId="0" borderId="64" xfId="4" applyNumberFormat="1" applyFont="1" applyBorder="1" applyAlignment="1">
      <alignment horizontal="right" vertical="center"/>
    </xf>
    <xf numFmtId="176" fontId="5" fillId="0" borderId="65" xfId="4" applyNumberFormat="1" applyFont="1" applyBorder="1" applyAlignment="1">
      <alignment horizontal="right" vertical="center"/>
    </xf>
    <xf numFmtId="176" fontId="5" fillId="0" borderId="72" xfId="4" applyNumberFormat="1" applyFont="1" applyBorder="1" applyAlignment="1">
      <alignment horizontal="right" vertical="center"/>
    </xf>
    <xf numFmtId="176" fontId="5" fillId="0" borderId="35" xfId="4" applyNumberFormat="1" applyFont="1" applyBorder="1" applyAlignment="1">
      <alignment horizontal="right" vertical="center"/>
    </xf>
    <xf numFmtId="176" fontId="5" fillId="0" borderId="24" xfId="4" applyNumberFormat="1" applyFont="1" applyBorder="1" applyAlignment="1">
      <alignment horizontal="right" vertical="center"/>
    </xf>
    <xf numFmtId="176" fontId="5" fillId="0" borderId="23" xfId="4" applyNumberFormat="1" applyFont="1" applyBorder="1" applyAlignment="1">
      <alignment horizontal="right" vertical="center"/>
    </xf>
    <xf numFmtId="176" fontId="5" fillId="0" borderId="54" xfId="4" applyNumberFormat="1" applyFont="1" applyBorder="1" applyAlignment="1">
      <alignment horizontal="right" vertical="center"/>
    </xf>
    <xf numFmtId="176" fontId="5" fillId="0" borderId="51" xfId="4" applyNumberFormat="1" applyFont="1" applyBorder="1" applyAlignment="1">
      <alignment horizontal="right" vertical="center"/>
    </xf>
    <xf numFmtId="176" fontId="5" fillId="0" borderId="12" xfId="4" applyNumberFormat="1" applyFont="1" applyBorder="1" applyAlignment="1">
      <alignment horizontal="right" vertical="center"/>
    </xf>
    <xf numFmtId="176" fontId="5" fillId="0" borderId="29" xfId="4" applyNumberFormat="1" applyFont="1" applyBorder="1" applyAlignment="1">
      <alignment horizontal="right" vertical="center"/>
    </xf>
    <xf numFmtId="176" fontId="5" fillId="0" borderId="60" xfId="4" applyNumberFormat="1" applyFont="1" applyBorder="1" applyAlignment="1">
      <alignment horizontal="right" vertical="center"/>
    </xf>
    <xf numFmtId="176" fontId="5" fillId="0" borderId="59" xfId="4" applyNumberFormat="1" applyFont="1" applyBorder="1" applyAlignment="1">
      <alignment horizontal="right" vertical="center"/>
    </xf>
    <xf numFmtId="176" fontId="5" fillId="0" borderId="1" xfId="4" applyNumberFormat="1" applyFont="1" applyBorder="1" applyAlignment="1">
      <alignment horizontal="right" vertical="center"/>
    </xf>
    <xf numFmtId="176" fontId="4" fillId="0" borderId="27" xfId="4" applyNumberFormat="1" applyFont="1" applyBorder="1" applyAlignment="1">
      <alignment horizontal="center" vertical="center"/>
    </xf>
    <xf numFmtId="176" fontId="4" fillId="0" borderId="27" xfId="4" applyNumberFormat="1" applyFont="1" applyBorder="1" applyAlignment="1" applyProtection="1">
      <alignment horizontal="right" vertical="center"/>
      <protection locked="0"/>
    </xf>
    <xf numFmtId="176" fontId="4" fillId="0" borderId="41" xfId="4" applyNumberFormat="1" applyFont="1" applyBorder="1" applyAlignment="1" applyProtection="1">
      <alignment horizontal="right" vertical="center"/>
    </xf>
    <xf numFmtId="0" fontId="15" fillId="0" borderId="0" xfId="5">
      <alignment vertical="center"/>
    </xf>
    <xf numFmtId="176" fontId="5" fillId="0" borderId="0" xfId="4" applyNumberFormat="1" applyFont="1" applyAlignment="1">
      <alignment horizontal="distributed" vertical="center" justifyLastLine="1"/>
    </xf>
    <xf numFmtId="0" fontId="2" fillId="0" borderId="0" xfId="4" applyFont="1" applyAlignment="1">
      <alignment vertical="center" wrapText="1"/>
    </xf>
    <xf numFmtId="176" fontId="5" fillId="0" borderId="48" xfId="4" applyNumberFormat="1" applyFont="1" applyBorder="1" applyAlignment="1">
      <alignment vertical="center"/>
    </xf>
    <xf numFmtId="176" fontId="5" fillId="0" borderId="58" xfId="4" applyNumberFormat="1" applyFont="1" applyBorder="1" applyAlignment="1">
      <alignment horizontal="center" vertical="center"/>
    </xf>
    <xf numFmtId="176" fontId="5" fillId="0" borderId="2" xfId="4" applyNumberFormat="1" applyFont="1" applyBorder="1" applyAlignment="1">
      <alignment horizontal="distributed" vertical="center" wrapText="1"/>
    </xf>
    <xf numFmtId="176" fontId="5" fillId="0" borderId="66" xfId="4" applyNumberFormat="1" applyFont="1" applyBorder="1" applyAlignment="1">
      <alignment horizontal="center" vertical="center" shrinkToFit="1"/>
    </xf>
    <xf numFmtId="176" fontId="5" fillId="0" borderId="48" xfId="4" applyNumberFormat="1" applyFont="1" applyBorder="1" applyAlignment="1">
      <alignment horizontal="right" vertical="center"/>
    </xf>
    <xf numFmtId="176" fontId="5" fillId="0" borderId="71" xfId="4" applyNumberFormat="1" applyFont="1" applyBorder="1" applyAlignment="1">
      <alignment horizontal="right" vertical="center"/>
    </xf>
    <xf numFmtId="176" fontId="5" fillId="0" borderId="32" xfId="4" applyNumberFormat="1" applyFont="1" applyBorder="1" applyAlignment="1">
      <alignment horizontal="center" vertical="center"/>
    </xf>
    <xf numFmtId="176" fontId="5" fillId="0" borderId="62" xfId="4" applyNumberFormat="1" applyFont="1" applyBorder="1" applyAlignment="1">
      <alignment horizontal="right" vertical="center"/>
    </xf>
    <xf numFmtId="176" fontId="1" fillId="0" borderId="0" xfId="12" applyNumberFormat="1" applyAlignment="1">
      <alignment vertical="top"/>
    </xf>
    <xf numFmtId="176" fontId="2" fillId="0" borderId="0" xfId="12" applyNumberFormat="1" applyFont="1" applyAlignment="1">
      <alignment vertical="top"/>
    </xf>
    <xf numFmtId="176" fontId="5" fillId="2" borderId="9" xfId="12" applyNumberFormat="1" applyFont="1" applyFill="1" applyBorder="1" applyAlignment="1">
      <alignment horizontal="distributed" vertical="center"/>
    </xf>
    <xf numFmtId="0" fontId="2" fillId="0" borderId="9" xfId="12" applyFont="1" applyBorder="1" applyAlignment="1">
      <alignment horizontal="center" vertical="center" wrapText="1"/>
    </xf>
    <xf numFmtId="176" fontId="5" fillId="0" borderId="8" xfId="12" applyNumberFormat="1" applyFont="1" applyBorder="1" applyAlignment="1">
      <alignment horizontal="distributed" vertical="center"/>
    </xf>
    <xf numFmtId="0" fontId="5" fillId="0" borderId="7" xfId="12" applyFont="1" applyBorder="1" applyAlignment="1">
      <alignment vertical="center"/>
    </xf>
    <xf numFmtId="0" fontId="5" fillId="0" borderId="55" xfId="12" applyFont="1" applyBorder="1" applyAlignment="1">
      <alignment vertical="center"/>
    </xf>
    <xf numFmtId="176" fontId="5" fillId="0" borderId="0" xfId="12" applyNumberFormat="1" applyFont="1" applyAlignment="1">
      <alignment horizontal="distributed" vertical="center"/>
    </xf>
    <xf numFmtId="176" fontId="5" fillId="2" borderId="11" xfId="12" applyNumberFormat="1" applyFont="1" applyFill="1" applyBorder="1" applyAlignment="1">
      <alignment horizontal="center" vertical="center"/>
    </xf>
    <xf numFmtId="0" fontId="5" fillId="0" borderId="20" xfId="12" applyFont="1" applyBorder="1" applyAlignment="1">
      <alignment horizontal="center" vertical="center"/>
    </xf>
    <xf numFmtId="176" fontId="5" fillId="0" borderId="16" xfId="12" applyNumberFormat="1" applyFont="1" applyBorder="1" applyAlignment="1">
      <alignment horizontal="center" vertical="center"/>
    </xf>
    <xf numFmtId="176" fontId="5" fillId="0" borderId="13" xfId="12" applyNumberFormat="1" applyFont="1" applyBorder="1" applyAlignment="1">
      <alignment horizontal="center" vertical="center"/>
    </xf>
    <xf numFmtId="0" fontId="5" fillId="0" borderId="13" xfId="12" applyFont="1" applyBorder="1" applyAlignment="1">
      <alignment horizontal="center" vertical="center"/>
    </xf>
    <xf numFmtId="176" fontId="5" fillId="0" borderId="20" xfId="12" applyNumberFormat="1" applyFont="1" applyBorder="1" applyAlignment="1">
      <alignment horizontal="center" vertical="top"/>
    </xf>
    <xf numFmtId="176" fontId="4" fillId="0" borderId="36" xfId="12" applyNumberFormat="1" applyFont="1" applyBorder="1" applyAlignment="1">
      <alignment horizontal="center" vertical="center"/>
    </xf>
    <xf numFmtId="176" fontId="5" fillId="0" borderId="21" xfId="12" applyNumberFormat="1" applyFont="1" applyBorder="1" applyAlignment="1">
      <alignment horizontal="center" vertical="center"/>
    </xf>
    <xf numFmtId="0" fontId="5" fillId="0" borderId="21" xfId="12" applyFont="1" applyBorder="1" applyAlignment="1">
      <alignment horizontal="center" vertical="center"/>
    </xf>
    <xf numFmtId="0" fontId="5" fillId="0" borderId="11" xfId="12" applyFont="1" applyBorder="1" applyAlignment="1">
      <alignment horizontal="center" vertical="center" wrapText="1"/>
    </xf>
    <xf numFmtId="176" fontId="5" fillId="0" borderId="20" xfId="12" applyNumberFormat="1" applyFont="1" applyBorder="1" applyAlignment="1">
      <alignment horizontal="center" vertical="center" wrapText="1"/>
    </xf>
    <xf numFmtId="176" fontId="5" fillId="0" borderId="53" xfId="12" applyNumberFormat="1" applyFont="1" applyBorder="1" applyAlignment="1">
      <alignment horizontal="center" vertical="center"/>
    </xf>
    <xf numFmtId="176" fontId="5" fillId="0" borderId="0" xfId="12" applyNumberFormat="1" applyFont="1" applyAlignment="1">
      <alignment vertical="center"/>
    </xf>
    <xf numFmtId="0" fontId="1" fillId="0" borderId="11" xfId="12" applyBorder="1" applyAlignment="1">
      <alignment horizontal="center" vertical="center" wrapText="1"/>
    </xf>
    <xf numFmtId="176" fontId="5" fillId="0" borderId="20" xfId="12" applyNumberFormat="1" applyFont="1" applyBorder="1" applyAlignment="1">
      <alignment vertical="center" wrapText="1"/>
    </xf>
    <xf numFmtId="176" fontId="5" fillId="0" borderId="18" xfId="12" applyNumberFormat="1" applyFont="1" applyBorder="1" applyAlignment="1">
      <alignment horizontal="center" vertical="center"/>
    </xf>
    <xf numFmtId="176" fontId="5" fillId="2" borderId="4" xfId="12" applyNumberFormat="1" applyFont="1" applyFill="1" applyBorder="1" applyAlignment="1">
      <alignment horizontal="distributed" vertical="center"/>
    </xf>
    <xf numFmtId="0" fontId="5" fillId="0" borderId="5" xfId="12" applyFont="1" applyBorder="1" applyAlignment="1">
      <alignment horizontal="center" vertical="center"/>
    </xf>
    <xf numFmtId="0" fontId="5" fillId="0" borderId="2" xfId="12" applyFont="1" applyBorder="1" applyAlignment="1">
      <alignment horizontal="center" vertical="center"/>
    </xf>
    <xf numFmtId="0" fontId="1" fillId="0" borderId="4" xfId="12" applyBorder="1" applyAlignment="1">
      <alignment horizontal="center" vertical="center" wrapText="1"/>
    </xf>
    <xf numFmtId="176" fontId="5" fillId="0" borderId="3" xfId="12" applyNumberFormat="1" applyFont="1" applyBorder="1" applyAlignment="1">
      <alignment horizontal="center" vertical="center"/>
    </xf>
    <xf numFmtId="176" fontId="5" fillId="0" borderId="2" xfId="12" applyNumberFormat="1" applyFont="1" applyBorder="1" applyAlignment="1">
      <alignment horizontal="center" vertical="center"/>
    </xf>
    <xf numFmtId="176" fontId="5" fillId="0" borderId="52" xfId="12" applyNumberFormat="1" applyFont="1" applyBorder="1" applyAlignment="1">
      <alignment horizontal="center" vertical="center"/>
    </xf>
    <xf numFmtId="176" fontId="5" fillId="0" borderId="4" xfId="12" applyNumberFormat="1" applyFont="1" applyBorder="1" applyAlignment="1">
      <alignment horizontal="center" vertical="center"/>
    </xf>
    <xf numFmtId="176" fontId="5" fillId="2" borderId="40" xfId="12" applyNumberFormat="1" applyFont="1" applyFill="1" applyBorder="1" applyAlignment="1">
      <alignment horizontal="distributed" vertical="center"/>
    </xf>
    <xf numFmtId="178" fontId="28" fillId="0" borderId="39" xfId="12" applyNumberFormat="1" applyFont="1" applyBorder="1" applyAlignment="1">
      <alignment horizontal="center" vertical="center"/>
    </xf>
    <xf numFmtId="178" fontId="28" fillId="0" borderId="41" xfId="12" applyNumberFormat="1" applyFont="1" applyBorder="1" applyAlignment="1">
      <alignment horizontal="center" vertical="center"/>
    </xf>
    <xf numFmtId="178" fontId="29" fillId="0" borderId="41" xfId="12" applyNumberFormat="1" applyFont="1" applyBorder="1" applyAlignment="1">
      <alignment horizontal="center" vertical="center"/>
    </xf>
    <xf numFmtId="178" fontId="28" fillId="0" borderId="37" xfId="12" applyNumberFormat="1" applyFont="1" applyBorder="1" applyAlignment="1">
      <alignment horizontal="center" vertical="center"/>
    </xf>
    <xf numFmtId="178" fontId="28" fillId="0" borderId="40" xfId="12" applyNumberFormat="1" applyFont="1" applyBorder="1" applyAlignment="1">
      <alignment vertical="center"/>
    </xf>
    <xf numFmtId="41" fontId="28" fillId="0" borderId="39" xfId="13" applyNumberFormat="1" applyFont="1" applyBorder="1" applyAlignment="1">
      <alignment horizontal="right" vertical="center"/>
    </xf>
    <xf numFmtId="178" fontId="5" fillId="0" borderId="38" xfId="12" applyNumberFormat="1" applyFont="1" applyBorder="1" applyAlignment="1">
      <alignment horizontal="right" vertical="center"/>
    </xf>
    <xf numFmtId="178" fontId="5" fillId="0" borderId="37" xfId="12" applyNumberFormat="1" applyFont="1" applyBorder="1" applyAlignment="1">
      <alignment horizontal="right" vertical="center"/>
    </xf>
    <xf numFmtId="178" fontId="24" fillId="0" borderId="11" xfId="12" applyNumberFormat="1" applyFont="1" applyBorder="1" applyAlignment="1">
      <alignment horizontal="center" vertical="center"/>
    </xf>
    <xf numFmtId="178" fontId="5" fillId="0" borderId="15" xfId="12" applyNumberFormat="1" applyFont="1" applyBorder="1" applyAlignment="1">
      <alignment horizontal="center" vertical="center"/>
    </xf>
    <xf numFmtId="176" fontId="5" fillId="2" borderId="15" xfId="12" applyNumberFormat="1" applyFont="1" applyFill="1" applyBorder="1" applyAlignment="1">
      <alignment horizontal="distributed" vertical="center"/>
    </xf>
    <xf numFmtId="178" fontId="28" fillId="0" borderId="12" xfId="12" applyNumberFormat="1" applyFont="1" applyBorder="1" applyAlignment="1">
      <alignment horizontal="center" vertical="center"/>
    </xf>
    <xf numFmtId="178" fontId="28" fillId="0" borderId="15" xfId="12" applyNumberFormat="1" applyFont="1" applyBorder="1" applyAlignment="1">
      <alignment vertical="center"/>
    </xf>
    <xf numFmtId="178" fontId="5" fillId="0" borderId="51" xfId="12" applyNumberFormat="1" applyFont="1" applyBorder="1" applyAlignment="1">
      <alignment horizontal="right" vertical="center"/>
    </xf>
    <xf numFmtId="178" fontId="5" fillId="0" borderId="12" xfId="12" applyNumberFormat="1" applyFont="1" applyBorder="1" applyAlignment="1">
      <alignment horizontal="right" vertical="center"/>
    </xf>
    <xf numFmtId="178" fontId="24" fillId="0" borderId="15" xfId="12" applyNumberFormat="1" applyFont="1" applyBorder="1" applyAlignment="1">
      <alignment horizontal="center" vertical="center"/>
    </xf>
    <xf numFmtId="41" fontId="5" fillId="0" borderId="14" xfId="13" applyNumberFormat="1" applyFont="1" applyFill="1" applyBorder="1" applyAlignment="1">
      <alignment horizontal="right" vertical="center"/>
    </xf>
    <xf numFmtId="186" fontId="5" fillId="0" borderId="3" xfId="13" applyNumberFormat="1" applyFont="1" applyFill="1" applyBorder="1" applyAlignment="1">
      <alignment horizontal="right" vertical="center"/>
    </xf>
    <xf numFmtId="0" fontId="1" fillId="0" borderId="4" xfId="12" applyBorder="1" applyAlignment="1">
      <alignment horizontal="center" vertical="center"/>
    </xf>
    <xf numFmtId="176" fontId="4" fillId="2" borderId="40" xfId="12" applyNumberFormat="1" applyFont="1" applyFill="1" applyBorder="1" applyAlignment="1">
      <alignment horizontal="distributed" vertical="distributed" shrinkToFit="1"/>
    </xf>
    <xf numFmtId="178" fontId="28" fillId="0" borderId="42" xfId="12" applyNumberFormat="1" applyFont="1" applyBorder="1" applyAlignment="1">
      <alignment horizontal="center" vertical="center"/>
    </xf>
    <xf numFmtId="178" fontId="5" fillId="0" borderId="41" xfId="12" applyNumberFormat="1" applyFont="1" applyBorder="1" applyAlignment="1">
      <alignment horizontal="center" vertical="center"/>
    </xf>
    <xf numFmtId="178" fontId="5" fillId="0" borderId="38" xfId="12" applyNumberFormat="1" applyFont="1" applyBorder="1" applyAlignment="1">
      <alignment horizontal="center" vertical="center"/>
    </xf>
    <xf numFmtId="178" fontId="5" fillId="0" borderId="37" xfId="12" applyNumberFormat="1" applyFont="1" applyBorder="1" applyAlignment="1">
      <alignment horizontal="center" vertical="center"/>
    </xf>
    <xf numFmtId="178" fontId="5" fillId="0" borderId="15" xfId="12" applyNumberFormat="1" applyFont="1" applyBorder="1" applyAlignment="1">
      <alignment vertical="center"/>
    </xf>
    <xf numFmtId="41" fontId="5" fillId="0" borderId="25" xfId="13" applyNumberFormat="1" applyFont="1" applyFill="1" applyBorder="1" applyAlignment="1">
      <alignment horizontal="right" vertical="center"/>
    </xf>
    <xf numFmtId="178" fontId="5" fillId="0" borderId="24" xfId="12" applyNumberFormat="1" applyFont="1" applyBorder="1" applyAlignment="1">
      <alignment horizontal="right" vertical="center"/>
    </xf>
    <xf numFmtId="178" fontId="5" fillId="0" borderId="23" xfId="12" applyNumberFormat="1" applyFont="1" applyBorder="1" applyAlignment="1">
      <alignment horizontal="right" vertical="center"/>
    </xf>
    <xf numFmtId="176" fontId="5" fillId="2" borderId="40" xfId="12" applyNumberFormat="1" applyFont="1" applyFill="1" applyBorder="1" applyAlignment="1">
      <alignment horizontal="distributed" vertical="distributed" shrinkToFit="1"/>
    </xf>
    <xf numFmtId="178" fontId="5" fillId="0" borderId="42" xfId="12" applyNumberFormat="1" applyFont="1" applyBorder="1" applyAlignment="1">
      <alignment horizontal="center" vertical="center"/>
    </xf>
    <xf numFmtId="178" fontId="5" fillId="0" borderId="15" xfId="12" applyNumberFormat="1" applyFont="1" applyBorder="1" applyAlignment="1">
      <alignment horizontal="right" vertical="center"/>
    </xf>
    <xf numFmtId="176" fontId="4" fillId="2" borderId="15" xfId="12" applyNumberFormat="1" applyFont="1" applyFill="1" applyBorder="1" applyAlignment="1">
      <alignment horizontal="distributed" vertical="distributed" shrinkToFit="1"/>
    </xf>
    <xf numFmtId="178" fontId="5" fillId="0" borderId="13" xfId="12" applyNumberFormat="1" applyFont="1" applyBorder="1" applyAlignment="1">
      <alignment horizontal="center" vertical="center"/>
    </xf>
    <xf numFmtId="178" fontId="5" fillId="0" borderId="51" xfId="12" applyNumberFormat="1" applyFont="1" applyBorder="1" applyAlignment="1">
      <alignment horizontal="center" vertical="center"/>
    </xf>
    <xf numFmtId="178" fontId="5" fillId="0" borderId="12" xfId="12" applyNumberFormat="1" applyFont="1" applyBorder="1" applyAlignment="1">
      <alignment horizontal="center" vertical="center"/>
    </xf>
    <xf numFmtId="41" fontId="5" fillId="0" borderId="20" xfId="13" applyNumberFormat="1" applyFont="1" applyFill="1" applyBorder="1" applyAlignment="1">
      <alignment horizontal="right" vertical="center"/>
    </xf>
    <xf numFmtId="178" fontId="5" fillId="0" borderId="19" xfId="12" applyNumberFormat="1" applyFont="1" applyBorder="1" applyAlignment="1">
      <alignment horizontal="right" vertical="center"/>
    </xf>
    <xf numFmtId="178" fontId="5" fillId="0" borderId="18" xfId="12" applyNumberFormat="1" applyFont="1" applyBorder="1" applyAlignment="1">
      <alignment horizontal="right" vertical="center"/>
    </xf>
    <xf numFmtId="176" fontId="5" fillId="2" borderId="26" xfId="12" applyNumberFormat="1" applyFont="1" applyFill="1" applyBorder="1" applyAlignment="1">
      <alignment horizontal="distributed" vertical="center"/>
    </xf>
    <xf numFmtId="178" fontId="28" fillId="0" borderId="28" xfId="12" applyNumberFormat="1" applyFont="1" applyBorder="1" applyAlignment="1">
      <alignment horizontal="center" vertical="center"/>
    </xf>
    <xf numFmtId="178" fontId="5" fillId="0" borderId="27" xfId="12" applyNumberFormat="1" applyFont="1" applyBorder="1" applyAlignment="1">
      <alignment horizontal="center" vertical="center"/>
    </xf>
    <xf numFmtId="178" fontId="5" fillId="0" borderId="24" xfId="12" applyNumberFormat="1" applyFont="1" applyBorder="1" applyAlignment="1">
      <alignment horizontal="center" vertical="center"/>
    </xf>
    <xf numFmtId="178" fontId="5" fillId="0" borderId="23" xfId="12" applyNumberFormat="1" applyFont="1" applyBorder="1" applyAlignment="1">
      <alignment horizontal="center" vertical="center"/>
    </xf>
    <xf numFmtId="178" fontId="5" fillId="0" borderId="26" xfId="12" applyNumberFormat="1" applyFont="1" applyBorder="1" applyAlignment="1">
      <alignment horizontal="right" vertical="center"/>
    </xf>
    <xf numFmtId="41" fontId="5" fillId="0" borderId="50" xfId="13" applyNumberFormat="1" applyFont="1" applyFill="1" applyBorder="1" applyAlignment="1">
      <alignment horizontal="right" vertical="center"/>
    </xf>
    <xf numFmtId="178" fontId="5" fillId="0" borderId="44" xfId="12" applyNumberFormat="1" applyFont="1" applyBorder="1" applyAlignment="1">
      <alignment horizontal="right" vertical="center"/>
    </xf>
    <xf numFmtId="178" fontId="5" fillId="0" borderId="43" xfId="12" applyNumberFormat="1" applyFont="1" applyBorder="1" applyAlignment="1">
      <alignment horizontal="right" vertical="center"/>
    </xf>
    <xf numFmtId="178" fontId="5" fillId="0" borderId="11" xfId="12" applyNumberFormat="1" applyFont="1" applyBorder="1" applyAlignment="1">
      <alignment horizontal="center" vertical="center"/>
    </xf>
    <xf numFmtId="178" fontId="5" fillId="0" borderId="40" xfId="12" applyNumberFormat="1" applyFont="1" applyBorder="1" applyAlignment="1">
      <alignment horizontal="right" vertical="center"/>
    </xf>
    <xf numFmtId="41" fontId="5" fillId="0" borderId="49" xfId="13" applyNumberFormat="1" applyFont="1" applyFill="1" applyBorder="1" applyAlignment="1">
      <alignment horizontal="right" vertical="center"/>
    </xf>
    <xf numFmtId="186" fontId="5" fillId="0" borderId="20" xfId="13" applyNumberFormat="1" applyFont="1" applyFill="1" applyBorder="1" applyAlignment="1">
      <alignment horizontal="right" vertical="center"/>
    </xf>
    <xf numFmtId="0" fontId="1" fillId="0" borderId="11" xfId="12" applyBorder="1" applyAlignment="1">
      <alignment horizontal="center" vertical="center"/>
    </xf>
    <xf numFmtId="176" fontId="4" fillId="0" borderId="0" xfId="12" applyNumberFormat="1" applyFont="1" applyAlignment="1">
      <alignment vertical="center"/>
    </xf>
    <xf numFmtId="176" fontId="5" fillId="0" borderId="11" xfId="12" applyNumberFormat="1" applyFont="1" applyBorder="1" applyAlignment="1">
      <alignment horizontal="distributed" vertical="center" wrapText="1"/>
    </xf>
    <xf numFmtId="176" fontId="4" fillId="2" borderId="15" xfId="12" applyNumberFormat="1" applyFont="1" applyFill="1" applyBorder="1" applyAlignment="1">
      <alignment horizontal="distributed" vertical="center"/>
    </xf>
    <xf numFmtId="178" fontId="28" fillId="0" borderId="14" xfId="12" applyNumberFormat="1" applyFont="1" applyBorder="1" applyAlignment="1">
      <alignment horizontal="center" vertical="center"/>
    </xf>
    <xf numFmtId="41" fontId="5" fillId="0" borderId="71" xfId="13" applyNumberFormat="1" applyFont="1" applyFill="1" applyBorder="1" applyAlignment="1">
      <alignment horizontal="right" vertical="center"/>
    </xf>
    <xf numFmtId="178" fontId="5" fillId="0" borderId="33" xfId="12" applyNumberFormat="1" applyFont="1" applyBorder="1" applyAlignment="1">
      <alignment horizontal="right" vertical="center"/>
    </xf>
    <xf numFmtId="178" fontId="5" fillId="0" borderId="29" xfId="12" applyNumberFormat="1" applyFont="1" applyBorder="1" applyAlignment="1">
      <alignment horizontal="right" vertical="center"/>
    </xf>
    <xf numFmtId="178" fontId="5" fillId="0" borderId="32" xfId="12" applyNumberFormat="1" applyFont="1" applyBorder="1" applyAlignment="1">
      <alignment horizontal="center" vertical="center"/>
    </xf>
    <xf numFmtId="176" fontId="5" fillId="0" borderId="32" xfId="12" applyNumberFormat="1" applyFont="1" applyBorder="1" applyAlignment="1">
      <alignment horizontal="distributed" vertical="center" wrapText="1"/>
    </xf>
    <xf numFmtId="176" fontId="5" fillId="2" borderId="32" xfId="12" applyNumberFormat="1" applyFont="1" applyFill="1" applyBorder="1" applyAlignment="1">
      <alignment horizontal="distributed" vertical="center"/>
    </xf>
    <xf numFmtId="178" fontId="28" fillId="0" borderId="34" xfId="12" applyNumberFormat="1" applyFont="1" applyBorder="1" applyAlignment="1">
      <alignment horizontal="center" vertical="center"/>
    </xf>
    <xf numFmtId="178" fontId="5" fillId="0" borderId="30" xfId="12" applyNumberFormat="1" applyFont="1" applyBorder="1" applyAlignment="1">
      <alignment horizontal="center" vertical="center"/>
    </xf>
    <xf numFmtId="178" fontId="5" fillId="0" borderId="32" xfId="12" applyNumberFormat="1" applyFont="1" applyBorder="1" applyAlignment="1">
      <alignment horizontal="right" vertical="center"/>
    </xf>
    <xf numFmtId="41" fontId="5" fillId="0" borderId="31" xfId="13" applyNumberFormat="1" applyFont="1" applyFill="1" applyBorder="1" applyAlignment="1">
      <alignment horizontal="right" vertical="center"/>
    </xf>
    <xf numFmtId="178" fontId="5" fillId="0" borderId="30" xfId="12" applyNumberFormat="1" applyFont="1" applyBorder="1" applyAlignment="1">
      <alignment horizontal="right" vertical="center"/>
    </xf>
    <xf numFmtId="176" fontId="5" fillId="2" borderId="46" xfId="12" applyNumberFormat="1" applyFont="1" applyFill="1" applyBorder="1" applyAlignment="1">
      <alignment horizontal="distributed" vertical="center" shrinkToFit="1"/>
    </xf>
    <xf numFmtId="178" fontId="28" fillId="0" borderId="48" xfId="12" applyNumberFormat="1" applyFont="1" applyBorder="1" applyAlignment="1">
      <alignment horizontal="center" vertical="center"/>
    </xf>
    <xf numFmtId="178" fontId="5" fillId="0" borderId="47" xfId="12" applyNumberFormat="1" applyFont="1" applyBorder="1" applyAlignment="1">
      <alignment horizontal="center" vertical="center"/>
    </xf>
    <xf numFmtId="178" fontId="5" fillId="0" borderId="44" xfId="12" applyNumberFormat="1" applyFont="1" applyBorder="1" applyAlignment="1">
      <alignment horizontal="center" vertical="center"/>
    </xf>
    <xf numFmtId="178" fontId="5" fillId="0" borderId="46" xfId="12" applyNumberFormat="1" applyFont="1" applyBorder="1" applyAlignment="1">
      <alignment horizontal="right" vertical="center"/>
    </xf>
    <xf numFmtId="41" fontId="5" fillId="0" borderId="45" xfId="13" applyNumberFormat="1" applyFont="1" applyFill="1" applyBorder="1" applyAlignment="1">
      <alignment horizontal="right" vertical="center"/>
    </xf>
    <xf numFmtId="178" fontId="5" fillId="0" borderId="46" xfId="12" applyNumberFormat="1" applyFont="1" applyBorder="1" applyAlignment="1">
      <alignment horizontal="center" vertical="center"/>
    </xf>
    <xf numFmtId="41" fontId="5" fillId="0" borderId="39" xfId="13" applyNumberFormat="1" applyFont="1" applyFill="1" applyBorder="1" applyAlignment="1">
      <alignment horizontal="right" vertical="center"/>
    </xf>
    <xf numFmtId="178" fontId="5" fillId="0" borderId="4" xfId="12" applyNumberFormat="1" applyFont="1" applyBorder="1" applyAlignment="1">
      <alignment horizontal="center" vertical="center"/>
    </xf>
    <xf numFmtId="178" fontId="5" fillId="0" borderId="33" xfId="12" applyNumberFormat="1" applyFont="1" applyBorder="1" applyAlignment="1">
      <alignment horizontal="center" vertical="center"/>
    </xf>
    <xf numFmtId="178" fontId="5" fillId="0" borderId="29" xfId="12" applyNumberFormat="1" applyFont="1" applyBorder="1" applyAlignment="1">
      <alignment horizontal="center" vertical="center"/>
    </xf>
    <xf numFmtId="178" fontId="5" fillId="0" borderId="9" xfId="12" applyNumberFormat="1" applyFont="1" applyBorder="1" applyAlignment="1">
      <alignment horizontal="center" vertical="center"/>
    </xf>
    <xf numFmtId="178" fontId="28" fillId="0" borderId="33" xfId="12" applyNumberFormat="1" applyFont="1" applyBorder="1" applyAlignment="1">
      <alignment horizontal="center" vertical="center"/>
    </xf>
    <xf numFmtId="178" fontId="28" fillId="0" borderId="30" xfId="12" applyNumberFormat="1" applyFont="1" applyBorder="1" applyAlignment="1">
      <alignment horizontal="center" vertical="center"/>
    </xf>
    <xf numFmtId="41" fontId="28" fillId="0" borderId="31" xfId="13" applyNumberFormat="1" applyFont="1" applyBorder="1" applyAlignment="1">
      <alignment horizontal="right" vertical="center"/>
    </xf>
    <xf numFmtId="178" fontId="24" fillId="0" borderId="32" xfId="12" applyNumberFormat="1" applyFont="1" applyBorder="1" applyAlignment="1">
      <alignment horizontal="center" vertical="center"/>
    </xf>
    <xf numFmtId="178" fontId="24" fillId="0" borderId="4" xfId="12" applyNumberFormat="1" applyFont="1" applyBorder="1" applyAlignment="1">
      <alignment horizontal="center" vertical="center"/>
    </xf>
    <xf numFmtId="176" fontId="5" fillId="2" borderId="32" xfId="12" applyNumberFormat="1" applyFont="1" applyFill="1" applyBorder="1" applyAlignment="1">
      <alignment horizontal="distributed" vertical="center" wrapText="1"/>
    </xf>
    <xf numFmtId="178" fontId="28" fillId="0" borderId="71" xfId="12" applyNumberFormat="1" applyFont="1" applyBorder="1" applyAlignment="1">
      <alignment horizontal="center" vertical="center"/>
    </xf>
    <xf numFmtId="178" fontId="28" fillId="0" borderId="62" xfId="12" applyNumberFormat="1" applyFont="1" applyBorder="1" applyAlignment="1">
      <alignment horizontal="center" vertical="center"/>
    </xf>
    <xf numFmtId="0" fontId="5" fillId="0" borderId="11" xfId="12" applyFont="1" applyBorder="1" applyAlignment="1">
      <alignment horizontal="distributed" vertical="center" wrapText="1"/>
    </xf>
    <xf numFmtId="176" fontId="4" fillId="0" borderId="40" xfId="12" applyNumberFormat="1" applyFont="1" applyBorder="1" applyAlignment="1">
      <alignment horizontal="distributed" vertical="center" wrapText="1"/>
    </xf>
    <xf numFmtId="178" fontId="28" fillId="0" borderId="38" xfId="12" applyNumberFormat="1" applyFont="1" applyBorder="1" applyAlignment="1">
      <alignment horizontal="center" vertical="center"/>
    </xf>
    <xf numFmtId="178" fontId="28" fillId="0" borderId="40" xfId="12" applyNumberFormat="1" applyFont="1" applyBorder="1" applyAlignment="1">
      <alignment horizontal="right" vertical="center"/>
    </xf>
    <xf numFmtId="41" fontId="28" fillId="0" borderId="39" xfId="13" applyNumberFormat="1" applyFont="1" applyFill="1" applyBorder="1" applyAlignment="1">
      <alignment horizontal="right" vertical="center"/>
    </xf>
    <xf numFmtId="41" fontId="28" fillId="0" borderId="8" xfId="13" applyNumberFormat="1" applyFont="1" applyBorder="1" applyAlignment="1">
      <alignment horizontal="right" vertical="center"/>
    </xf>
    <xf numFmtId="186" fontId="28" fillId="0" borderId="3" xfId="13" applyNumberFormat="1" applyFont="1" applyBorder="1" applyAlignment="1">
      <alignment horizontal="right" vertical="center"/>
    </xf>
    <xf numFmtId="0" fontId="5" fillId="0" borderId="56" xfId="12" applyFont="1" applyBorder="1" applyAlignment="1">
      <alignment horizontal="left" vertical="center"/>
    </xf>
    <xf numFmtId="178" fontId="28" fillId="0" borderId="0" xfId="12" applyNumberFormat="1" applyFont="1" applyAlignment="1">
      <alignment horizontal="right" vertical="center"/>
    </xf>
    <xf numFmtId="186" fontId="28" fillId="0" borderId="0" xfId="13" applyNumberFormat="1" applyFont="1" applyBorder="1" applyAlignment="1">
      <alignment horizontal="right" vertical="center"/>
    </xf>
    <xf numFmtId="178" fontId="5" fillId="0" borderId="0" xfId="12" applyNumberFormat="1" applyFont="1" applyAlignment="1">
      <alignment horizontal="right" vertical="center"/>
    </xf>
    <xf numFmtId="0" fontId="1" fillId="0" borderId="0" xfId="12" applyAlignment="1">
      <alignment horizontal="right" vertical="center"/>
    </xf>
    <xf numFmtId="0" fontId="0" fillId="0" borderId="56" xfId="0" applyBorder="1" applyAlignment="1">
      <alignment horizontal="right" vertical="center"/>
    </xf>
    <xf numFmtId="176" fontId="4" fillId="0" borderId="0" xfId="12" applyNumberFormat="1" applyFont="1" applyAlignment="1">
      <alignment horizontal="center" vertical="center"/>
    </xf>
    <xf numFmtId="176" fontId="2" fillId="0" borderId="0" xfId="12" applyNumberFormat="1" applyFont="1" applyAlignment="1">
      <alignment horizontal="center" vertical="center"/>
    </xf>
    <xf numFmtId="176" fontId="2" fillId="0" borderId="0" xfId="12" applyNumberFormat="1" applyFont="1" applyAlignment="1">
      <alignment horizontal="distributed" vertical="center"/>
    </xf>
    <xf numFmtId="176" fontId="2" fillId="0" borderId="0" xfId="12" applyNumberFormat="1" applyFont="1" applyAlignment="1">
      <alignment vertical="center"/>
    </xf>
    <xf numFmtId="0" fontId="33" fillId="0" borderId="0" xfId="0" applyFont="1">
      <alignment vertical="center"/>
    </xf>
    <xf numFmtId="0" fontId="33" fillId="0" borderId="59" xfId="0" applyFont="1" applyBorder="1">
      <alignment vertical="center"/>
    </xf>
    <xf numFmtId="0" fontId="27" fillId="0" borderId="0" xfId="0" applyFont="1" applyAlignment="1">
      <alignment horizontal="right" vertical="center"/>
    </xf>
    <xf numFmtId="0" fontId="28" fillId="0" borderId="70" xfId="0" applyFont="1" applyBorder="1">
      <alignment vertical="center"/>
    </xf>
    <xf numFmtId="0" fontId="27" fillId="0" borderId="56" xfId="0" applyFont="1" applyBorder="1">
      <alignment vertical="center"/>
    </xf>
    <xf numFmtId="0" fontId="28" fillId="0" borderId="56" xfId="0" applyFont="1" applyBorder="1">
      <alignment vertical="center"/>
    </xf>
    <xf numFmtId="0" fontId="28" fillId="0" borderId="56" xfId="0" applyFont="1" applyBorder="1" applyAlignment="1">
      <alignment horizontal="center" vertical="center"/>
    </xf>
    <xf numFmtId="0" fontId="28" fillId="0" borderId="55" xfId="0" applyFont="1" applyBorder="1" applyAlignment="1">
      <alignment vertical="center" wrapText="1"/>
    </xf>
    <xf numFmtId="0" fontId="28" fillId="0" borderId="0" xfId="0" applyFont="1">
      <alignment vertical="center"/>
    </xf>
    <xf numFmtId="0" fontId="28" fillId="0" borderId="22" xfId="0" applyFont="1" applyBorder="1">
      <alignment vertical="center"/>
    </xf>
    <xf numFmtId="0" fontId="28" fillId="0" borderId="56" xfId="0" applyFont="1" applyBorder="1" applyAlignment="1">
      <alignment horizontal="left" vertical="center"/>
    </xf>
    <xf numFmtId="0" fontId="28" fillId="0" borderId="55" xfId="0" applyFont="1" applyBorder="1" applyAlignment="1">
      <alignment horizontal="left" vertical="center"/>
    </xf>
    <xf numFmtId="0" fontId="28" fillId="0" borderId="22" xfId="0" applyFont="1" applyBorder="1" applyAlignment="1">
      <alignment horizontal="center" vertical="center"/>
    </xf>
    <xf numFmtId="0" fontId="28" fillId="0" borderId="0" xfId="0" applyFont="1" applyAlignment="1">
      <alignment horizontal="center" vertical="center"/>
    </xf>
    <xf numFmtId="0" fontId="28" fillId="0" borderId="16" xfId="0" applyFont="1" applyBorder="1" applyAlignment="1">
      <alignment vertical="center" wrapText="1"/>
    </xf>
    <xf numFmtId="0" fontId="28" fillId="0" borderId="13" xfId="0" applyFont="1" applyBorder="1">
      <alignment vertical="center"/>
    </xf>
    <xf numFmtId="0" fontId="28" fillId="0" borderId="14" xfId="0" applyFont="1" applyBorder="1">
      <alignment vertical="center"/>
    </xf>
    <xf numFmtId="0" fontId="28" fillId="0" borderId="18" xfId="0" applyFont="1" applyBorder="1" applyAlignment="1">
      <alignment horizontal="center" vertical="center"/>
    </xf>
    <xf numFmtId="0" fontId="28" fillId="0" borderId="14" xfId="0" applyFont="1" applyBorder="1" applyAlignment="1">
      <alignment vertical="center" wrapText="1"/>
    </xf>
    <xf numFmtId="0" fontId="28" fillId="0" borderId="53" xfId="0" applyFont="1" applyBorder="1" applyAlignment="1">
      <alignment horizontal="center" vertical="center"/>
    </xf>
    <xf numFmtId="0" fontId="28" fillId="0" borderId="53" xfId="0" quotePrefix="1" applyFont="1" applyBorder="1" applyAlignment="1">
      <alignment horizontal="center" vertical="center" wrapText="1"/>
    </xf>
    <xf numFmtId="0" fontId="28" fillId="0" borderId="61" xfId="0" applyFont="1" applyBorder="1" applyAlignment="1">
      <alignment vertical="center" shrinkToFit="1"/>
    </xf>
    <xf numFmtId="0" fontId="28" fillId="0" borderId="5" xfId="0" applyFont="1" applyBorder="1" applyAlignment="1">
      <alignment vertical="center" shrinkToFit="1"/>
    </xf>
    <xf numFmtId="0" fontId="28" fillId="0" borderId="2" xfId="0" applyFont="1" applyBorder="1" applyAlignment="1">
      <alignment vertical="center" shrinkToFit="1"/>
    </xf>
    <xf numFmtId="0" fontId="28" fillId="0" borderId="3" xfId="0" applyFont="1" applyBorder="1" applyAlignment="1">
      <alignment vertical="center" shrinkToFit="1"/>
    </xf>
    <xf numFmtId="0" fontId="28" fillId="0" borderId="1" xfId="0" quotePrefix="1" applyFont="1" applyBorder="1" applyAlignment="1">
      <alignment horizontal="center" vertical="center" shrinkToFit="1"/>
    </xf>
    <xf numFmtId="0" fontId="28" fillId="0" borderId="52" xfId="0" quotePrefix="1" applyFont="1" applyBorder="1" applyAlignment="1">
      <alignment horizontal="center" vertical="center" shrinkToFit="1"/>
    </xf>
    <xf numFmtId="0" fontId="28" fillId="0" borderId="0" xfId="0" applyFont="1" applyAlignment="1">
      <alignment vertical="center" shrinkToFit="1"/>
    </xf>
    <xf numFmtId="176" fontId="5" fillId="0" borderId="74" xfId="4" applyNumberFormat="1" applyFont="1" applyBorder="1" applyAlignment="1">
      <alignment horizontal="right" vertical="center"/>
    </xf>
    <xf numFmtId="176" fontId="5" fillId="0" borderId="46" xfId="4" applyNumberFormat="1" applyFont="1" applyBorder="1" applyAlignment="1">
      <alignment horizontal="right" vertical="center"/>
    </xf>
    <xf numFmtId="176" fontId="5" fillId="0" borderId="36" xfId="4" applyNumberFormat="1" applyFont="1" applyBorder="1" applyAlignment="1">
      <alignment horizontal="right" vertical="center"/>
    </xf>
    <xf numFmtId="176" fontId="5" fillId="0" borderId="11" xfId="4" applyNumberFormat="1" applyFont="1" applyBorder="1" applyAlignment="1">
      <alignment horizontal="right" vertical="center"/>
    </xf>
    <xf numFmtId="176" fontId="5" fillId="0" borderId="49" xfId="4" applyNumberFormat="1" applyFont="1" applyBorder="1" applyAlignment="1">
      <alignment horizontal="right" vertical="center"/>
    </xf>
    <xf numFmtId="176" fontId="5" fillId="0" borderId="40" xfId="4" applyNumberFormat="1" applyFont="1" applyBorder="1" applyAlignment="1">
      <alignment horizontal="right" vertical="center"/>
    </xf>
    <xf numFmtId="176" fontId="5" fillId="0" borderId="73" xfId="4" applyNumberFormat="1" applyFont="1" applyBorder="1" applyAlignment="1">
      <alignment horizontal="right" vertical="center"/>
    </xf>
    <xf numFmtId="176" fontId="5" fillId="0" borderId="63" xfId="4" applyNumberFormat="1" applyFont="1" applyBorder="1" applyAlignment="1">
      <alignment horizontal="right" vertical="center"/>
    </xf>
    <xf numFmtId="176" fontId="5" fillId="0" borderId="26" xfId="4" applyNumberFormat="1" applyFont="1" applyBorder="1" applyAlignment="1">
      <alignment horizontal="right" vertical="center"/>
    </xf>
    <xf numFmtId="176" fontId="5" fillId="0" borderId="16" xfId="4" applyNumberFormat="1" applyFont="1" applyBorder="1" applyAlignment="1">
      <alignment horizontal="right" vertical="center"/>
    </xf>
    <xf numFmtId="176" fontId="5" fillId="0" borderId="15" xfId="4" applyNumberFormat="1" applyFont="1" applyBorder="1" applyAlignment="1">
      <alignment horizontal="right" vertical="center"/>
    </xf>
    <xf numFmtId="176" fontId="5" fillId="0" borderId="30" xfId="4" applyNumberFormat="1" applyFont="1" applyBorder="1" applyAlignment="1">
      <alignment horizontal="right" vertical="center"/>
    </xf>
    <xf numFmtId="176" fontId="5" fillId="0" borderId="32" xfId="4" applyNumberFormat="1" applyFont="1" applyBorder="1" applyAlignment="1">
      <alignment horizontal="right" vertical="center"/>
    </xf>
    <xf numFmtId="176" fontId="5" fillId="0" borderId="50" xfId="4" applyNumberFormat="1" applyFont="1" applyBorder="1" applyAlignment="1">
      <alignment horizontal="right" vertical="center"/>
    </xf>
    <xf numFmtId="176" fontId="5" fillId="0" borderId="5" xfId="4" applyNumberFormat="1" applyFont="1" applyBorder="1" applyAlignment="1">
      <alignment horizontal="right" vertical="center"/>
    </xf>
    <xf numFmtId="176" fontId="5" fillId="0" borderId="4" xfId="4" applyNumberFormat="1" applyFont="1" applyBorder="1" applyAlignment="1">
      <alignment horizontal="right" vertical="center"/>
    </xf>
    <xf numFmtId="0" fontId="34" fillId="0" borderId="0" xfId="0" applyFont="1" applyAlignment="1">
      <alignment horizontal="center" vertical="center"/>
    </xf>
    <xf numFmtId="0" fontId="35" fillId="0" borderId="0" xfId="0" applyFont="1">
      <alignment vertical="center"/>
    </xf>
    <xf numFmtId="0" fontId="0" fillId="0" borderId="19" xfId="0" applyBorder="1">
      <alignment vertical="center"/>
    </xf>
    <xf numFmtId="0" fontId="28" fillId="0" borderId="9" xfId="0" applyFont="1" applyBorder="1">
      <alignment vertical="center"/>
    </xf>
    <xf numFmtId="0" fontId="28" fillId="0" borderId="62" xfId="0" applyFont="1" applyBorder="1">
      <alignment vertical="center"/>
    </xf>
    <xf numFmtId="0" fontId="27" fillId="0" borderId="62" xfId="0" applyFont="1" applyBorder="1">
      <alignment vertical="center"/>
    </xf>
    <xf numFmtId="0" fontId="27" fillId="0" borderId="75" xfId="0" applyFont="1" applyBorder="1">
      <alignment vertical="center"/>
    </xf>
    <xf numFmtId="0" fontId="28" fillId="0" borderId="53" xfId="0" applyFont="1" applyBorder="1">
      <alignment vertical="center"/>
    </xf>
    <xf numFmtId="0" fontId="28" fillId="0" borderId="20" xfId="0" applyFont="1" applyBorder="1">
      <alignment vertical="center"/>
    </xf>
    <xf numFmtId="0" fontId="28" fillId="0" borderId="57" xfId="0" applyFont="1" applyBorder="1">
      <alignment vertical="center"/>
    </xf>
    <xf numFmtId="0" fontId="28" fillId="0" borderId="45" xfId="0" applyFont="1" applyBorder="1">
      <alignment vertical="center"/>
    </xf>
    <xf numFmtId="0" fontId="28" fillId="0" borderId="77" xfId="0" applyFont="1" applyBorder="1">
      <alignment vertical="center"/>
    </xf>
    <xf numFmtId="0" fontId="36" fillId="0" borderId="0" xfId="0" applyFont="1">
      <alignment vertical="center"/>
    </xf>
    <xf numFmtId="0" fontId="28" fillId="0" borderId="21" xfId="0" applyFont="1" applyBorder="1" applyAlignment="1">
      <alignment vertical="center" wrapText="1"/>
    </xf>
    <xf numFmtId="0" fontId="28" fillId="0" borderId="18" xfId="0" applyFont="1" applyBorder="1">
      <alignment vertical="center"/>
    </xf>
    <xf numFmtId="0" fontId="28" fillId="0" borderId="4" xfId="0" quotePrefix="1" applyFont="1" applyBorder="1" applyAlignment="1">
      <alignment vertical="center" shrinkToFit="1"/>
    </xf>
    <xf numFmtId="0" fontId="28" fillId="0" borderId="3" xfId="0" applyFont="1" applyBorder="1" applyAlignment="1">
      <alignment horizontal="center" vertical="center" shrinkToFit="1"/>
    </xf>
    <xf numFmtId="0" fontId="28" fillId="0" borderId="2" xfId="0" applyFont="1" applyBorder="1" applyAlignment="1">
      <alignment horizontal="center" vertical="center" shrinkToFit="1"/>
    </xf>
    <xf numFmtId="0" fontId="28" fillId="0" borderId="60" xfId="0" applyFont="1" applyBorder="1" applyAlignment="1">
      <alignment horizontal="center" vertical="center" shrinkToFit="1"/>
    </xf>
    <xf numFmtId="0" fontId="28" fillId="0" borderId="1" xfId="0" applyFont="1" applyBorder="1" applyAlignment="1">
      <alignment vertical="center" wrapText="1"/>
    </xf>
    <xf numFmtId="0" fontId="36" fillId="0" borderId="0" xfId="0" applyFont="1" applyAlignment="1">
      <alignment vertical="center" shrinkToFit="1"/>
    </xf>
    <xf numFmtId="176" fontId="5" fillId="0" borderId="77" xfId="4" applyNumberFormat="1" applyFont="1" applyBorder="1" applyAlignment="1">
      <alignment horizontal="right" vertical="center"/>
    </xf>
    <xf numFmtId="176" fontId="5" fillId="0" borderId="25" xfId="4" applyNumberFormat="1" applyFont="1" applyBorder="1" applyAlignment="1">
      <alignment horizontal="right" vertical="center"/>
    </xf>
    <xf numFmtId="0" fontId="37" fillId="0" borderId="0" xfId="0" applyFont="1">
      <alignment vertical="center"/>
    </xf>
    <xf numFmtId="176" fontId="5" fillId="0" borderId="53" xfId="4" applyNumberFormat="1" applyFont="1" applyBorder="1" applyAlignment="1">
      <alignment horizontal="right" vertical="center"/>
    </xf>
    <xf numFmtId="176" fontId="5" fillId="0" borderId="20" xfId="4" applyNumberFormat="1" applyFont="1" applyBorder="1" applyAlignment="1">
      <alignment horizontal="right" vertical="center"/>
    </xf>
    <xf numFmtId="176" fontId="5" fillId="0" borderId="79" xfId="4" applyNumberFormat="1" applyFont="1" applyBorder="1" applyAlignment="1">
      <alignment horizontal="right" vertical="center"/>
    </xf>
    <xf numFmtId="176" fontId="5" fillId="0" borderId="39" xfId="4" applyNumberFormat="1" applyFont="1" applyBorder="1" applyAlignment="1">
      <alignment horizontal="right" vertical="center"/>
    </xf>
    <xf numFmtId="176" fontId="5" fillId="0" borderId="78" xfId="4" applyNumberFormat="1" applyFont="1" applyBorder="1" applyAlignment="1">
      <alignment horizontal="right" vertical="center"/>
    </xf>
    <xf numFmtId="176" fontId="5" fillId="0" borderId="67" xfId="4" applyNumberFormat="1" applyFont="1" applyBorder="1" applyAlignment="1">
      <alignment horizontal="right" vertical="center"/>
    </xf>
    <xf numFmtId="176" fontId="20" fillId="0" borderId="0" xfId="0" applyNumberFormat="1" applyFont="1">
      <alignment vertical="center"/>
    </xf>
    <xf numFmtId="176" fontId="5" fillId="0" borderId="80" xfId="4" applyNumberFormat="1" applyFont="1" applyBorder="1" applyAlignment="1">
      <alignment horizontal="right" vertical="center"/>
    </xf>
    <xf numFmtId="176" fontId="5" fillId="0" borderId="14" xfId="4" applyNumberFormat="1" applyFont="1" applyBorder="1" applyAlignment="1">
      <alignment horizontal="right" vertical="center"/>
    </xf>
    <xf numFmtId="176" fontId="5" fillId="0" borderId="75" xfId="4" applyNumberFormat="1" applyFont="1" applyBorder="1" applyAlignment="1">
      <alignment horizontal="right" vertical="center"/>
    </xf>
    <xf numFmtId="176" fontId="5" fillId="0" borderId="31" xfId="4" applyNumberFormat="1" applyFont="1" applyBorder="1" applyAlignment="1">
      <alignment horizontal="right" vertical="center"/>
    </xf>
    <xf numFmtId="176" fontId="5" fillId="0" borderId="45" xfId="4" applyNumberFormat="1" applyFont="1" applyBorder="1" applyAlignment="1">
      <alignment horizontal="right" vertical="center"/>
    </xf>
    <xf numFmtId="176" fontId="5" fillId="0" borderId="52" xfId="4" applyNumberFormat="1" applyFont="1" applyBorder="1" applyAlignment="1">
      <alignment horizontal="right" vertical="center"/>
    </xf>
    <xf numFmtId="176" fontId="5" fillId="0" borderId="3" xfId="4" applyNumberFormat="1" applyFont="1" applyBorder="1" applyAlignment="1">
      <alignment horizontal="right" vertical="center"/>
    </xf>
    <xf numFmtId="0" fontId="27" fillId="0" borderId="0" xfId="0" applyFont="1">
      <alignment vertical="center"/>
    </xf>
    <xf numFmtId="176" fontId="38" fillId="0" borderId="0" xfId="4" applyNumberFormat="1" applyFont="1" applyAlignment="1">
      <alignment vertical="center"/>
    </xf>
    <xf numFmtId="0" fontId="5" fillId="0" borderId="70" xfId="4" applyFont="1" applyBorder="1" applyAlignment="1">
      <alignment horizontal="left" vertical="center" wrapText="1"/>
    </xf>
    <xf numFmtId="176" fontId="5" fillId="0" borderId="62" xfId="4" applyNumberFormat="1" applyFont="1" applyBorder="1" applyAlignment="1">
      <alignment vertical="center"/>
    </xf>
    <xf numFmtId="176" fontId="5" fillId="0" borderId="62" xfId="4" applyNumberFormat="1" applyFont="1" applyBorder="1" applyAlignment="1">
      <alignment horizontal="left" vertical="center"/>
    </xf>
    <xf numFmtId="176" fontId="5" fillId="0" borderId="75" xfId="4" applyNumberFormat="1" applyFont="1" applyBorder="1" applyAlignment="1">
      <alignment vertical="center"/>
    </xf>
    <xf numFmtId="0" fontId="5" fillId="0" borderId="11" xfId="4" applyFont="1" applyBorder="1" applyAlignment="1">
      <alignment horizontal="left" vertical="center" wrapText="1"/>
    </xf>
    <xf numFmtId="176" fontId="5" fillId="0" borderId="22" xfId="4" applyNumberFormat="1" applyFont="1" applyBorder="1" applyAlignment="1">
      <alignment vertical="center"/>
    </xf>
    <xf numFmtId="176" fontId="5" fillId="0" borderId="58" xfId="4" applyNumberFormat="1" applyFont="1" applyBorder="1" applyAlignment="1">
      <alignment horizontal="left" vertical="center"/>
    </xf>
    <xf numFmtId="176" fontId="5" fillId="0" borderId="13" xfId="4" applyNumberFormat="1" applyFont="1" applyBorder="1" applyAlignment="1">
      <alignment vertical="center" wrapText="1"/>
    </xf>
    <xf numFmtId="176" fontId="5" fillId="0" borderId="80" xfId="4" applyNumberFormat="1" applyFont="1" applyBorder="1" applyAlignment="1">
      <alignment vertical="center" shrinkToFit="1"/>
    </xf>
    <xf numFmtId="176" fontId="5" fillId="0" borderId="2" xfId="4" applyNumberFormat="1" applyFont="1" applyBorder="1" applyAlignment="1">
      <alignment horizontal="center" vertical="center" wrapText="1"/>
    </xf>
    <xf numFmtId="0" fontId="34" fillId="0" borderId="4" xfId="0" quotePrefix="1" applyFont="1" applyBorder="1" applyAlignment="1">
      <alignment horizontal="center" vertical="center" wrapText="1"/>
    </xf>
    <xf numFmtId="176" fontId="5" fillId="0" borderId="48" xfId="4" applyNumberFormat="1" applyFont="1" applyBorder="1" applyAlignment="1">
      <alignment vertical="center" shrinkToFit="1"/>
    </xf>
    <xf numFmtId="176" fontId="5" fillId="0" borderId="42" xfId="4" applyNumberFormat="1" applyFont="1" applyBorder="1" applyAlignment="1">
      <alignment horizontal="right" vertical="center" shrinkToFit="1"/>
    </xf>
    <xf numFmtId="176" fontId="5" fillId="0" borderId="7" xfId="4" applyNumberFormat="1" applyFont="1" applyBorder="1" applyAlignment="1" applyProtection="1">
      <alignment horizontal="right" vertical="center" shrinkToFit="1"/>
      <protection locked="0"/>
    </xf>
    <xf numFmtId="176" fontId="5" fillId="0" borderId="43" xfId="4" applyNumberFormat="1" applyFont="1" applyBorder="1" applyAlignment="1">
      <alignment horizontal="right" vertical="center" shrinkToFit="1"/>
    </xf>
    <xf numFmtId="176" fontId="5" fillId="0" borderId="42" xfId="4" applyNumberFormat="1" applyFont="1" applyBorder="1" applyAlignment="1">
      <alignment vertical="center" shrinkToFit="1"/>
    </xf>
    <xf numFmtId="176" fontId="5" fillId="0" borderId="41" xfId="4" applyNumberFormat="1" applyFont="1" applyBorder="1" applyAlignment="1" applyProtection="1">
      <alignment horizontal="right" vertical="center" shrinkToFit="1"/>
      <protection locked="0"/>
    </xf>
    <xf numFmtId="176" fontId="5" fillId="0" borderId="37" xfId="4" applyNumberFormat="1" applyFont="1" applyBorder="1" applyAlignment="1">
      <alignment horizontal="right" vertical="center" shrinkToFit="1"/>
    </xf>
    <xf numFmtId="176" fontId="5" fillId="0" borderId="68" xfId="4" applyNumberFormat="1" applyFont="1" applyBorder="1" applyAlignment="1">
      <alignment vertical="center" shrinkToFit="1"/>
    </xf>
    <xf numFmtId="176" fontId="5" fillId="0" borderId="73" xfId="4" applyNumberFormat="1" applyFont="1" applyBorder="1" applyAlignment="1">
      <alignment horizontal="right" vertical="center" shrinkToFit="1"/>
    </xf>
    <xf numFmtId="176" fontId="5" fillId="0" borderId="66" xfId="4" applyNumberFormat="1" applyFont="1" applyBorder="1" applyAlignment="1" applyProtection="1">
      <alignment horizontal="right" vertical="center" shrinkToFit="1"/>
      <protection locked="0"/>
    </xf>
    <xf numFmtId="176" fontId="5" fillId="0" borderId="72" xfId="4" applyNumberFormat="1" applyFont="1" applyBorder="1" applyAlignment="1">
      <alignment horizontal="right" vertical="center" shrinkToFit="1"/>
    </xf>
    <xf numFmtId="176" fontId="5" fillId="0" borderId="16" xfId="4" applyNumberFormat="1" applyFont="1" applyBorder="1" applyAlignment="1">
      <alignment horizontal="right" vertical="center" shrinkToFit="1"/>
    </xf>
    <xf numFmtId="176" fontId="5" fillId="0" borderId="27" xfId="4" applyNumberFormat="1" applyFont="1" applyBorder="1" applyAlignment="1" applyProtection="1">
      <alignment horizontal="right" vertical="center" shrinkToFit="1"/>
      <protection locked="0"/>
    </xf>
    <xf numFmtId="176" fontId="5" fillId="0" borderId="23" xfId="4" applyNumberFormat="1" applyFont="1" applyBorder="1" applyAlignment="1">
      <alignment horizontal="right" vertical="center" shrinkToFit="1"/>
    </xf>
    <xf numFmtId="176" fontId="5" fillId="0" borderId="49" xfId="4" applyNumberFormat="1" applyFont="1" applyBorder="1" applyAlignment="1">
      <alignment horizontal="right" vertical="center" shrinkToFit="1"/>
    </xf>
    <xf numFmtId="176" fontId="5" fillId="0" borderId="69" xfId="4" applyNumberFormat="1" applyFont="1" applyBorder="1" applyAlignment="1">
      <alignment horizontal="right" vertical="center" shrinkToFit="1"/>
    </xf>
    <xf numFmtId="176" fontId="5" fillId="0" borderId="50" xfId="4" applyNumberFormat="1" applyFont="1" applyBorder="1" applyAlignment="1">
      <alignment horizontal="right" vertical="center" shrinkToFit="1"/>
    </xf>
    <xf numFmtId="176" fontId="5" fillId="0" borderId="28" xfId="4" applyNumberFormat="1" applyFont="1" applyBorder="1" applyAlignment="1">
      <alignment horizontal="right" vertical="center" shrinkToFit="1"/>
    </xf>
    <xf numFmtId="176" fontId="5" fillId="0" borderId="34" xfId="4" applyNumberFormat="1" applyFont="1" applyBorder="1" applyAlignment="1">
      <alignment vertical="center" shrinkToFit="1"/>
    </xf>
    <xf numFmtId="176" fontId="5" fillId="0" borderId="34" xfId="4" applyNumberFormat="1" applyFont="1" applyBorder="1" applyAlignment="1">
      <alignment horizontal="right" vertical="center" shrinkToFit="1"/>
    </xf>
    <xf numFmtId="176" fontId="5" fillId="0" borderId="30" xfId="4" applyNumberFormat="1" applyFont="1" applyBorder="1" applyAlignment="1" applyProtection="1">
      <alignment horizontal="right" vertical="center" shrinkToFit="1"/>
      <protection locked="0"/>
    </xf>
    <xf numFmtId="176" fontId="5" fillId="0" borderId="29" xfId="4" applyNumberFormat="1" applyFont="1" applyBorder="1" applyAlignment="1">
      <alignment vertical="center"/>
    </xf>
    <xf numFmtId="176" fontId="5" fillId="0" borderId="29" xfId="4" applyNumberFormat="1" applyFont="1" applyBorder="1" applyAlignment="1">
      <alignment horizontal="right" vertical="center" shrinkToFit="1"/>
    </xf>
    <xf numFmtId="176" fontId="5" fillId="0" borderId="28" xfId="4" applyNumberFormat="1" applyFont="1" applyBorder="1" applyAlignment="1">
      <alignment vertical="center" shrinkToFit="1"/>
    </xf>
    <xf numFmtId="176" fontId="5" fillId="0" borderId="47" xfId="4" applyNumberFormat="1" applyFont="1" applyBorder="1" applyAlignment="1" applyProtection="1">
      <alignment horizontal="right" vertical="center" shrinkToFit="1"/>
      <protection locked="0"/>
    </xf>
    <xf numFmtId="176" fontId="5" fillId="0" borderId="22" xfId="4" applyNumberFormat="1" applyFont="1" applyBorder="1" applyAlignment="1">
      <alignment vertical="center" shrinkToFit="1"/>
    </xf>
    <xf numFmtId="176" fontId="5" fillId="0" borderId="18" xfId="4" applyNumberFormat="1" applyFont="1" applyBorder="1" applyAlignment="1">
      <alignment horizontal="right" vertical="center" shrinkToFit="1"/>
    </xf>
    <xf numFmtId="176" fontId="5" fillId="0" borderId="48" xfId="4" applyNumberFormat="1" applyFont="1" applyBorder="1" applyAlignment="1">
      <alignment horizontal="right" vertical="center" shrinkToFit="1"/>
    </xf>
    <xf numFmtId="176" fontId="5" fillId="0" borderId="68" xfId="4" applyNumberFormat="1" applyFont="1" applyBorder="1" applyAlignment="1">
      <alignment horizontal="right" vertical="center" shrinkToFit="1"/>
    </xf>
    <xf numFmtId="176" fontId="5" fillId="0" borderId="61" xfId="4" applyNumberFormat="1" applyFont="1" applyBorder="1" applyAlignment="1">
      <alignment vertical="center" shrinkToFit="1"/>
    </xf>
    <xf numFmtId="176" fontId="5" fillId="0" borderId="1" xfId="4" applyNumberFormat="1" applyFont="1" applyBorder="1" applyAlignment="1">
      <alignment horizontal="right" vertical="center" shrinkToFit="1"/>
    </xf>
    <xf numFmtId="176" fontId="5" fillId="0" borderId="33" xfId="4" applyNumberFormat="1" applyFont="1" applyBorder="1" applyAlignment="1">
      <alignment horizontal="right" vertical="center" shrinkToFit="1"/>
    </xf>
    <xf numFmtId="176" fontId="5" fillId="0" borderId="75" xfId="4" applyNumberFormat="1" applyFont="1" applyBorder="1" applyAlignment="1">
      <alignment horizontal="right" vertical="center" shrinkToFit="1"/>
    </xf>
    <xf numFmtId="176" fontId="5" fillId="0" borderId="61" xfId="4" applyNumberFormat="1" applyFont="1" applyBorder="1" applyAlignment="1">
      <alignment horizontal="right" vertical="center" shrinkToFit="1"/>
    </xf>
    <xf numFmtId="176" fontId="5" fillId="0" borderId="2" xfId="4" applyNumberFormat="1" applyFont="1" applyBorder="1" applyAlignment="1">
      <alignment horizontal="right" vertical="center" shrinkToFit="1"/>
    </xf>
    <xf numFmtId="176" fontId="5" fillId="0" borderId="52" xfId="4" applyNumberFormat="1" applyFont="1" applyBorder="1" applyAlignment="1">
      <alignment horizontal="right" vertical="center" shrinkToFit="1"/>
    </xf>
    <xf numFmtId="176" fontId="5" fillId="0" borderId="22" xfId="4" applyNumberFormat="1" applyFont="1" applyBorder="1" applyAlignment="1">
      <alignment horizontal="center" vertical="center"/>
    </xf>
    <xf numFmtId="176" fontId="5" fillId="0" borderId="58" xfId="4" applyNumberFormat="1" applyFont="1" applyBorder="1" applyAlignment="1">
      <alignment horizontal="distributed" vertical="center" justifyLastLine="1"/>
    </xf>
    <xf numFmtId="176" fontId="4" fillId="0" borderId="41" xfId="4" applyNumberFormat="1" applyFont="1" applyBorder="1" applyAlignment="1">
      <alignment horizontal="center" vertical="center"/>
    </xf>
    <xf numFmtId="176" fontId="8" fillId="2" borderId="0" xfId="11" applyNumberFormat="1" applyFont="1" applyFill="1" applyAlignment="1">
      <alignment vertical="center"/>
    </xf>
    <xf numFmtId="176" fontId="4" fillId="2" borderId="62" xfId="11" applyNumberFormat="1" applyFont="1" applyFill="1" applyBorder="1" applyAlignment="1">
      <alignment horizontal="distributed" vertical="center" wrapText="1"/>
    </xf>
    <xf numFmtId="176" fontId="4" fillId="2" borderId="75" xfId="11" applyNumberFormat="1" applyFont="1" applyFill="1" applyBorder="1" applyAlignment="1">
      <alignment horizontal="distributed" vertical="center" wrapText="1"/>
    </xf>
    <xf numFmtId="176" fontId="4" fillId="0" borderId="34" xfId="11" applyNumberFormat="1" applyFont="1" applyBorder="1" applyAlignment="1">
      <alignment horizontal="distributed" vertical="center" indent="2"/>
    </xf>
    <xf numFmtId="176" fontId="4" fillId="0" borderId="62" xfId="11" applyNumberFormat="1" applyFont="1" applyBorder="1" applyAlignment="1">
      <alignment horizontal="distributed" vertical="center" indent="2"/>
    </xf>
    <xf numFmtId="176" fontId="4" fillId="0" borderId="75" xfId="11" applyNumberFormat="1" applyFont="1" applyBorder="1" applyAlignment="1">
      <alignment horizontal="distributed" vertical="center" indent="2"/>
    </xf>
    <xf numFmtId="176" fontId="4" fillId="2" borderId="9" xfId="11" applyNumberFormat="1" applyFont="1" applyFill="1" applyBorder="1" applyAlignment="1">
      <alignment horizontal="center" vertical="center" textRotation="255" shrinkToFit="1"/>
    </xf>
    <xf numFmtId="176" fontId="4" fillId="2" borderId="11" xfId="11" applyNumberFormat="1" applyFont="1" applyFill="1" applyBorder="1" applyAlignment="1">
      <alignment horizontal="center" vertical="center" textRotation="255" shrinkToFit="1"/>
    </xf>
    <xf numFmtId="176" fontId="4" fillId="2" borderId="4" xfId="11" applyNumberFormat="1" applyFont="1" applyFill="1" applyBorder="1" applyAlignment="1">
      <alignment horizontal="center" vertical="center" textRotation="255" shrinkToFit="1"/>
    </xf>
    <xf numFmtId="176" fontId="4" fillId="2" borderId="70" xfId="11" applyNumberFormat="1" applyFont="1" applyFill="1" applyBorder="1" applyAlignment="1">
      <alignment horizontal="center" vertical="top" textRotation="255" shrinkToFit="1"/>
    </xf>
    <xf numFmtId="176" fontId="4" fillId="2" borderId="22" xfId="11" applyNumberFormat="1" applyFont="1" applyFill="1" applyBorder="1" applyAlignment="1">
      <alignment horizontal="center" vertical="top" textRotation="255" shrinkToFit="1"/>
    </xf>
    <xf numFmtId="176" fontId="4" fillId="2" borderId="61" xfId="11" applyNumberFormat="1" applyFont="1" applyFill="1" applyBorder="1" applyAlignment="1">
      <alignment horizontal="center" vertical="top" textRotation="255" shrinkToFit="1"/>
    </xf>
    <xf numFmtId="176" fontId="4" fillId="0" borderId="34" xfId="11" applyNumberFormat="1" applyFont="1" applyBorder="1" applyAlignment="1">
      <alignment horizontal="distributed" vertical="center"/>
    </xf>
    <xf numFmtId="176" fontId="4" fillId="0" borderId="62" xfId="11" applyNumberFormat="1" applyFont="1" applyBorder="1" applyAlignment="1">
      <alignment horizontal="distributed" vertical="center"/>
    </xf>
    <xf numFmtId="176" fontId="4" fillId="0" borderId="75" xfId="11" applyNumberFormat="1" applyFont="1" applyBorder="1" applyAlignment="1">
      <alignment horizontal="distributed" vertical="center"/>
    </xf>
    <xf numFmtId="176" fontId="4" fillId="0" borderId="31" xfId="11" applyNumberFormat="1" applyFont="1" applyBorder="1" applyAlignment="1">
      <alignment horizontal="distributed" vertical="center"/>
    </xf>
    <xf numFmtId="176" fontId="4" fillId="0" borderId="29" xfId="11" applyNumberFormat="1" applyFont="1" applyBorder="1" applyAlignment="1">
      <alignment horizontal="distributed" vertical="center"/>
    </xf>
    <xf numFmtId="176" fontId="4" fillId="2" borderId="34" xfId="11" applyNumberFormat="1" applyFont="1" applyFill="1" applyBorder="1" applyAlignment="1">
      <alignment horizontal="distributed" vertical="center" indent="2"/>
    </xf>
    <xf numFmtId="176" fontId="4" fillId="2" borderId="62" xfId="11" applyNumberFormat="1" applyFont="1" applyFill="1" applyBorder="1" applyAlignment="1">
      <alignment horizontal="distributed" vertical="center" indent="2"/>
    </xf>
    <xf numFmtId="176" fontId="4" fillId="2" borderId="75" xfId="11" applyNumberFormat="1" applyFont="1" applyFill="1" applyBorder="1" applyAlignment="1">
      <alignment horizontal="distributed" vertical="center" indent="2"/>
    </xf>
    <xf numFmtId="176" fontId="4" fillId="0" borderId="70" xfId="11" applyNumberFormat="1" applyFont="1" applyBorder="1" applyAlignment="1">
      <alignment horizontal="distributed" vertical="center" wrapText="1"/>
    </xf>
    <xf numFmtId="176" fontId="4" fillId="0" borderId="56" xfId="11" applyNumberFormat="1" applyFont="1" applyBorder="1" applyAlignment="1">
      <alignment horizontal="distributed" vertical="center"/>
    </xf>
    <xf numFmtId="176" fontId="4" fillId="0" borderId="55" xfId="11" applyNumberFormat="1" applyFont="1" applyBorder="1" applyAlignment="1">
      <alignment horizontal="distributed" vertical="center"/>
    </xf>
    <xf numFmtId="176" fontId="4" fillId="0" borderId="22" xfId="11" applyNumberFormat="1" applyFont="1" applyBorder="1" applyAlignment="1">
      <alignment horizontal="distributed" vertical="center"/>
    </xf>
    <xf numFmtId="176" fontId="4" fillId="0" borderId="0" xfId="11" applyNumberFormat="1" applyFont="1" applyAlignment="1">
      <alignment horizontal="distributed" vertical="center"/>
    </xf>
    <xf numFmtId="176" fontId="4" fillId="0" borderId="53" xfId="11" applyNumberFormat="1" applyFont="1" applyBorder="1" applyAlignment="1">
      <alignment horizontal="distributed" vertical="center"/>
    </xf>
    <xf numFmtId="176" fontId="4" fillId="0" borderId="28" xfId="11" applyNumberFormat="1" applyFont="1" applyBorder="1" applyAlignment="1">
      <alignment horizontal="distributed" vertical="center"/>
    </xf>
    <xf numFmtId="176" fontId="4" fillId="0" borderId="35" xfId="11" applyNumberFormat="1" applyFont="1" applyBorder="1" applyAlignment="1">
      <alignment horizontal="distributed" vertical="center"/>
    </xf>
    <xf numFmtId="176" fontId="4" fillId="0" borderId="77" xfId="11" applyNumberFormat="1" applyFont="1" applyBorder="1" applyAlignment="1">
      <alignment horizontal="distributed" vertical="center"/>
    </xf>
    <xf numFmtId="176" fontId="4" fillId="0" borderId="50" xfId="11" applyNumberFormat="1" applyFont="1" applyBorder="1" applyAlignment="1">
      <alignment horizontal="distributed" vertical="center" wrapText="1"/>
    </xf>
    <xf numFmtId="176" fontId="4" fillId="0" borderId="49" xfId="11" applyNumberFormat="1" applyFont="1" applyBorder="1" applyAlignment="1">
      <alignment horizontal="distributed" vertical="center"/>
    </xf>
    <xf numFmtId="176" fontId="4" fillId="0" borderId="73" xfId="11" applyNumberFormat="1" applyFont="1" applyBorder="1" applyAlignment="1">
      <alignment horizontal="distributed" vertical="center"/>
    </xf>
    <xf numFmtId="176" fontId="4" fillId="0" borderId="43" xfId="11" applyNumberFormat="1" applyFont="1" applyBorder="1" applyAlignment="1">
      <alignment horizontal="distributed" vertical="center"/>
    </xf>
    <xf numFmtId="176" fontId="4" fillId="0" borderId="37" xfId="11" applyNumberFormat="1" applyFont="1" applyBorder="1" applyAlignment="1">
      <alignment horizontal="distributed" vertical="center"/>
    </xf>
    <xf numFmtId="176" fontId="4" fillId="0" borderId="72" xfId="11" applyNumberFormat="1" applyFont="1" applyBorder="1" applyAlignment="1">
      <alignment horizontal="distributed" vertical="center"/>
    </xf>
    <xf numFmtId="176" fontId="4" fillId="2" borderId="0" xfId="11" applyNumberFormat="1" applyFont="1" applyFill="1" applyAlignment="1">
      <alignment horizontal="distributed" vertical="center"/>
    </xf>
    <xf numFmtId="176" fontId="4" fillId="2" borderId="22" xfId="11" applyNumberFormat="1" applyFont="1" applyFill="1" applyBorder="1" applyAlignment="1">
      <alignment horizontal="center" vertical="center"/>
    </xf>
    <xf numFmtId="176" fontId="4" fillId="2" borderId="0" xfId="11" applyNumberFormat="1" applyFont="1" applyFill="1" applyAlignment="1">
      <alignment horizontal="center" vertical="center"/>
    </xf>
    <xf numFmtId="176" fontId="4" fillId="2" borderId="53" xfId="11" applyNumberFormat="1" applyFont="1" applyFill="1" applyBorder="1" applyAlignment="1">
      <alignment horizontal="center" vertical="center"/>
    </xf>
    <xf numFmtId="176" fontId="4" fillId="2" borderId="28" xfId="11" applyNumberFormat="1" applyFont="1" applyFill="1" applyBorder="1" applyAlignment="1">
      <alignment horizontal="center" vertical="center"/>
    </xf>
    <xf numFmtId="176" fontId="4" fillId="2" borderId="35" xfId="11" applyNumberFormat="1" applyFont="1" applyFill="1" applyBorder="1" applyAlignment="1">
      <alignment horizontal="center" vertical="center"/>
    </xf>
    <xf numFmtId="176" fontId="4" fillId="2" borderId="77" xfId="11" applyNumberFormat="1" applyFont="1" applyFill="1" applyBorder="1" applyAlignment="1">
      <alignment horizontal="center" vertical="center"/>
    </xf>
    <xf numFmtId="176" fontId="4" fillId="2" borderId="22" xfId="11" applyNumberFormat="1" applyFont="1" applyFill="1" applyBorder="1" applyAlignment="1">
      <alignment horizontal="distributed" vertical="center" wrapText="1" shrinkToFit="1"/>
    </xf>
    <xf numFmtId="176" fontId="4" fillId="2" borderId="0" xfId="11" applyNumberFormat="1" applyFont="1" applyFill="1" applyAlignment="1">
      <alignment horizontal="distributed" vertical="center" wrapText="1" shrinkToFit="1"/>
    </xf>
    <xf numFmtId="176" fontId="4" fillId="2" borderId="53" xfId="11" applyNumberFormat="1" applyFont="1" applyFill="1" applyBorder="1" applyAlignment="1">
      <alignment horizontal="distributed" vertical="center" wrapText="1" shrinkToFit="1"/>
    </xf>
    <xf numFmtId="176" fontId="4" fillId="2" borderId="28" xfId="11" applyNumberFormat="1" applyFont="1" applyFill="1" applyBorder="1" applyAlignment="1">
      <alignment horizontal="distributed" vertical="center" wrapText="1" shrinkToFit="1"/>
    </xf>
    <xf numFmtId="176" fontId="4" fillId="2" borderId="35" xfId="11" applyNumberFormat="1" applyFont="1" applyFill="1" applyBorder="1" applyAlignment="1">
      <alignment horizontal="distributed" vertical="center" wrapText="1" shrinkToFit="1"/>
    </xf>
    <xf numFmtId="176" fontId="4" fillId="2" borderId="77" xfId="11" applyNumberFormat="1" applyFont="1" applyFill="1" applyBorder="1" applyAlignment="1">
      <alignment horizontal="distributed" vertical="center" wrapText="1" shrinkToFit="1"/>
    </xf>
    <xf numFmtId="176" fontId="4" fillId="2" borderId="22" xfId="11" applyNumberFormat="1" applyFont="1" applyFill="1" applyBorder="1" applyAlignment="1">
      <alignment horizontal="center" vertical="center" wrapText="1"/>
    </xf>
    <xf numFmtId="176" fontId="4" fillId="2" borderId="0" xfId="11" applyNumberFormat="1" applyFont="1" applyFill="1" applyAlignment="1">
      <alignment horizontal="center" vertical="center" wrapText="1"/>
    </xf>
    <xf numFmtId="176" fontId="4" fillId="2" borderId="53" xfId="11" applyNumberFormat="1" applyFont="1" applyFill="1" applyBorder="1" applyAlignment="1">
      <alignment horizontal="center" vertical="center" wrapText="1"/>
    </xf>
    <xf numFmtId="176" fontId="4" fillId="2" borderId="28" xfId="11" applyNumberFormat="1" applyFont="1" applyFill="1" applyBorder="1" applyAlignment="1">
      <alignment horizontal="center" vertical="center" wrapText="1"/>
    </xf>
    <xf numFmtId="176" fontId="4" fillId="2" borderId="35" xfId="11" applyNumberFormat="1" applyFont="1" applyFill="1" applyBorder="1" applyAlignment="1">
      <alignment horizontal="center" vertical="center" wrapText="1"/>
    </xf>
    <xf numFmtId="176" fontId="4" fillId="2" borderId="77" xfId="11" applyNumberFormat="1" applyFont="1" applyFill="1" applyBorder="1" applyAlignment="1">
      <alignment horizontal="center" vertical="center" wrapText="1"/>
    </xf>
    <xf numFmtId="178" fontId="2" fillId="2" borderId="42" xfId="2" quotePrefix="1" applyNumberFormat="1" applyFont="1" applyFill="1" applyBorder="1" applyAlignment="1">
      <alignment horizontal="right" vertical="center"/>
    </xf>
    <xf numFmtId="178" fontId="2" fillId="2" borderId="39" xfId="2" quotePrefix="1" applyNumberFormat="1" applyFont="1" applyFill="1" applyBorder="1" applyAlignment="1">
      <alignment horizontal="right" vertical="center"/>
    </xf>
    <xf numFmtId="178" fontId="2" fillId="0" borderId="68" xfId="2" quotePrefix="1" applyNumberFormat="1" applyFont="1" applyFill="1" applyBorder="1" applyAlignment="1">
      <alignment horizontal="right" vertical="center"/>
    </xf>
    <xf numFmtId="178" fontId="2" fillId="0" borderId="67" xfId="2" quotePrefix="1" applyNumberFormat="1" applyFont="1" applyFill="1" applyBorder="1" applyAlignment="1">
      <alignment horizontal="right" vertical="center"/>
    </xf>
    <xf numFmtId="178" fontId="2" fillId="2" borderId="68" xfId="2" quotePrefix="1" applyNumberFormat="1" applyFont="1" applyFill="1" applyBorder="1" applyAlignment="1">
      <alignment horizontal="right" vertical="center"/>
    </xf>
    <xf numFmtId="178" fontId="2" fillId="2" borderId="67" xfId="2" quotePrefix="1" applyNumberFormat="1" applyFont="1" applyFill="1" applyBorder="1" applyAlignment="1">
      <alignment horizontal="right" vertical="center"/>
    </xf>
    <xf numFmtId="178" fontId="2" fillId="2" borderId="48" xfId="2" applyNumberFormat="1" applyFont="1" applyFill="1" applyBorder="1" applyAlignment="1">
      <alignment horizontal="right" vertical="center"/>
    </xf>
    <xf numFmtId="178" fontId="2" fillId="2" borderId="45" xfId="2" applyNumberFormat="1" applyFont="1" applyFill="1" applyBorder="1" applyAlignment="1">
      <alignment horizontal="right" vertical="center"/>
    </xf>
    <xf numFmtId="178" fontId="2" fillId="2" borderId="68" xfId="2" applyNumberFormat="1" applyFont="1" applyFill="1" applyBorder="1" applyAlignment="1">
      <alignment horizontal="right" vertical="center"/>
    </xf>
    <xf numFmtId="178" fontId="2" fillId="2" borderId="67" xfId="2" applyNumberFormat="1" applyFont="1" applyFill="1" applyBorder="1" applyAlignment="1">
      <alignment horizontal="right" vertical="center"/>
    </xf>
    <xf numFmtId="178" fontId="2" fillId="2" borderId="48" xfId="2" quotePrefix="1" applyNumberFormat="1" applyFont="1" applyFill="1" applyBorder="1" applyAlignment="1">
      <alignment horizontal="right" vertical="center"/>
    </xf>
    <xf numFmtId="178" fontId="2" fillId="2" borderId="45" xfId="2" quotePrefix="1" applyNumberFormat="1" applyFont="1" applyFill="1" applyBorder="1" applyAlignment="1">
      <alignment horizontal="right" vertical="center"/>
    </xf>
    <xf numFmtId="178" fontId="2" fillId="0" borderId="42" xfId="2" quotePrefix="1" applyNumberFormat="1" applyFont="1" applyFill="1" applyBorder="1" applyAlignment="1">
      <alignment horizontal="right" vertical="center"/>
    </xf>
    <xf numFmtId="178" fontId="2" fillId="0" borderId="39" xfId="2" quotePrefix="1" applyNumberFormat="1" applyFont="1" applyFill="1" applyBorder="1" applyAlignment="1">
      <alignment horizontal="right" vertical="center"/>
    </xf>
    <xf numFmtId="178" fontId="2" fillId="0" borderId="42" xfId="2" applyNumberFormat="1" applyFont="1" applyFill="1" applyBorder="1" applyAlignment="1">
      <alignment horizontal="right" vertical="center"/>
    </xf>
    <xf numFmtId="178" fontId="2" fillId="0" borderId="39" xfId="2" applyNumberFormat="1" applyFont="1" applyFill="1" applyBorder="1" applyAlignment="1">
      <alignment horizontal="right" vertical="center"/>
    </xf>
    <xf numFmtId="178" fontId="2" fillId="2" borderId="42" xfId="2" applyNumberFormat="1" applyFont="1" applyFill="1" applyBorder="1" applyAlignment="1">
      <alignment horizontal="right" vertical="center"/>
    </xf>
    <xf numFmtId="178" fontId="2" fillId="2" borderId="39" xfId="2" applyNumberFormat="1" applyFont="1" applyFill="1" applyBorder="1" applyAlignment="1">
      <alignment horizontal="right" vertical="center"/>
    </xf>
    <xf numFmtId="178" fontId="2" fillId="2" borderId="34" xfId="2" quotePrefix="1" applyNumberFormat="1" applyFont="1" applyFill="1" applyBorder="1" applyAlignment="1">
      <alignment horizontal="right" vertical="center"/>
    </xf>
    <xf numFmtId="178" fontId="2" fillId="2" borderId="31" xfId="2" quotePrefix="1" applyNumberFormat="1" applyFont="1" applyFill="1" applyBorder="1" applyAlignment="1">
      <alignment horizontal="right" vertical="center"/>
    </xf>
    <xf numFmtId="178" fontId="2" fillId="2" borderId="34" xfId="2" applyNumberFormat="1" applyFont="1" applyFill="1" applyBorder="1" applyAlignment="1">
      <alignment horizontal="right" vertical="center"/>
    </xf>
    <xf numFmtId="178" fontId="2" fillId="2" borderId="31" xfId="2" applyNumberFormat="1" applyFont="1" applyFill="1" applyBorder="1" applyAlignment="1">
      <alignment horizontal="right" vertical="center"/>
    </xf>
    <xf numFmtId="179" fontId="2" fillId="2" borderId="48" xfId="2" applyNumberFormat="1" applyFont="1" applyFill="1" applyBorder="1" applyAlignment="1">
      <alignment horizontal="right" vertical="center"/>
    </xf>
    <xf numFmtId="179" fontId="2" fillId="2" borderId="45" xfId="2" applyNumberFormat="1" applyFont="1" applyFill="1" applyBorder="1" applyAlignment="1">
      <alignment horizontal="right" vertical="center"/>
    </xf>
    <xf numFmtId="178" fontId="2" fillId="0" borderId="9" xfId="2" applyNumberFormat="1" applyFont="1" applyBorder="1" applyAlignment="1">
      <alignment horizontal="left" vertical="center" wrapText="1"/>
    </xf>
    <xf numFmtId="178" fontId="2" fillId="0" borderId="11" xfId="2" applyNumberFormat="1" applyFont="1" applyBorder="1" applyAlignment="1">
      <alignment horizontal="left" vertical="center"/>
    </xf>
    <xf numFmtId="178" fontId="5" fillId="2" borderId="48" xfId="2" applyNumberFormat="1" applyFont="1" applyFill="1" applyBorder="1" applyAlignment="1">
      <alignment horizontal="center" vertical="center"/>
    </xf>
    <xf numFmtId="178" fontId="5" fillId="2" borderId="58" xfId="2" applyNumberFormat="1" applyFont="1" applyFill="1" applyBorder="1" applyAlignment="1">
      <alignment horizontal="center" vertical="center"/>
    </xf>
    <xf numFmtId="178" fontId="2" fillId="2" borderId="69" xfId="2" applyNumberFormat="1" applyFont="1" applyFill="1" applyBorder="1" applyAlignment="1">
      <alignment horizontal="center" vertical="center"/>
    </xf>
    <xf numFmtId="178" fontId="2" fillId="2" borderId="61" xfId="2" applyNumberFormat="1" applyFont="1" applyFill="1" applyBorder="1" applyAlignment="1">
      <alignment horizontal="center" vertical="center"/>
    </xf>
    <xf numFmtId="178" fontId="4" fillId="2" borderId="14" xfId="2" applyNumberFormat="1" applyFont="1" applyFill="1" applyBorder="1" applyAlignment="1">
      <alignment horizontal="center" vertical="center" wrapText="1" shrinkToFit="1"/>
    </xf>
    <xf numFmtId="178" fontId="4" fillId="2" borderId="3" xfId="2" applyNumberFormat="1" applyFont="1" applyFill="1" applyBorder="1" applyAlignment="1">
      <alignment horizontal="center" vertical="center" shrinkToFit="1"/>
    </xf>
    <xf numFmtId="178" fontId="2" fillId="0" borderId="13" xfId="2" applyNumberFormat="1" applyFont="1" applyBorder="1" applyAlignment="1">
      <alignment horizontal="center" vertical="center" shrinkToFit="1"/>
    </xf>
    <xf numFmtId="178" fontId="2" fillId="0" borderId="2" xfId="2" applyNumberFormat="1" applyFont="1" applyBorder="1" applyAlignment="1">
      <alignment horizontal="center" vertical="center" shrinkToFit="1"/>
    </xf>
    <xf numFmtId="178" fontId="2" fillId="0" borderId="6" xfId="2" applyNumberFormat="1" applyFont="1" applyBorder="1" applyAlignment="1">
      <alignment horizontal="left" vertical="center" wrapText="1"/>
    </xf>
    <xf numFmtId="178" fontId="2" fillId="0" borderId="18" xfId="2" applyNumberFormat="1" applyFont="1" applyBorder="1" applyAlignment="1">
      <alignment horizontal="left" vertical="center"/>
    </xf>
    <xf numFmtId="176" fontId="2" fillId="0" borderId="18" xfId="4" applyNumberFormat="1" applyFont="1" applyFill="1" applyBorder="1" applyAlignment="1">
      <alignment horizontal="distributed" vertical="center" wrapText="1"/>
    </xf>
    <xf numFmtId="176" fontId="2" fillId="0" borderId="1" xfId="4" applyNumberFormat="1" applyFont="1" applyFill="1" applyBorder="1" applyAlignment="1">
      <alignment horizontal="distributed" vertical="center"/>
    </xf>
    <xf numFmtId="176" fontId="2" fillId="0" borderId="11" xfId="4" applyNumberFormat="1" applyFont="1" applyBorder="1" applyAlignment="1">
      <alignment horizontal="center" vertical="center"/>
    </xf>
    <xf numFmtId="176" fontId="2" fillId="0" borderId="11" xfId="4" applyNumberFormat="1" applyFont="1" applyFill="1" applyBorder="1" applyAlignment="1">
      <alignment horizontal="center" vertical="center"/>
    </xf>
    <xf numFmtId="176" fontId="2" fillId="0" borderId="36" xfId="4" applyNumberFormat="1" applyFont="1" applyFill="1" applyBorder="1" applyAlignment="1">
      <alignment horizontal="distributed" vertical="center"/>
    </xf>
    <xf numFmtId="176" fontId="2" fillId="0" borderId="5" xfId="4" applyNumberFormat="1" applyFont="1" applyFill="1" applyBorder="1" applyAlignment="1">
      <alignment horizontal="distributed" vertical="center"/>
    </xf>
    <xf numFmtId="176" fontId="2" fillId="0" borderId="21" xfId="4" applyNumberFormat="1" applyFont="1" applyFill="1" applyBorder="1" applyAlignment="1">
      <alignment horizontal="distributed" vertical="center"/>
    </xf>
    <xf numFmtId="176" fontId="2" fillId="0" borderId="2" xfId="4" applyNumberFormat="1" applyFont="1" applyFill="1" applyBorder="1" applyAlignment="1">
      <alignment horizontal="distributed" vertical="center"/>
    </xf>
    <xf numFmtId="176" fontId="2" fillId="0" borderId="21" xfId="4" applyNumberFormat="1" applyFont="1" applyBorder="1" applyAlignment="1">
      <alignment horizontal="distributed" vertical="center"/>
    </xf>
    <xf numFmtId="176" fontId="2" fillId="0" borderId="2" xfId="4" applyNumberFormat="1" applyFont="1" applyBorder="1" applyAlignment="1">
      <alignment horizontal="distributed" vertical="center"/>
    </xf>
    <xf numFmtId="177" fontId="2" fillId="0" borderId="21" xfId="4" applyNumberFormat="1" applyFont="1" applyFill="1" applyBorder="1" applyAlignment="1">
      <alignment horizontal="distributed" vertical="center" wrapText="1"/>
    </xf>
    <xf numFmtId="177" fontId="2" fillId="0" borderId="2" xfId="4" applyNumberFormat="1" applyFont="1" applyFill="1" applyBorder="1" applyAlignment="1">
      <alignment horizontal="distributed" vertical="center" wrapText="1"/>
    </xf>
    <xf numFmtId="177" fontId="2" fillId="0" borderId="19" xfId="4" applyNumberFormat="1" applyFont="1" applyFill="1" applyBorder="1" applyAlignment="1">
      <alignment horizontal="distributed" vertical="center" wrapText="1"/>
    </xf>
    <xf numFmtId="177" fontId="2" fillId="0" borderId="60" xfId="4" applyNumberFormat="1" applyFont="1" applyFill="1" applyBorder="1" applyAlignment="1">
      <alignment horizontal="distributed" vertical="center" wrapText="1"/>
    </xf>
    <xf numFmtId="178" fontId="4" fillId="0" borderId="11" xfId="4" applyNumberFormat="1" applyFont="1" applyBorder="1" applyAlignment="1">
      <alignment horizontal="center" vertical="center" shrinkToFit="1"/>
    </xf>
    <xf numFmtId="178" fontId="4" fillId="0" borderId="48" xfId="4" applyNumberFormat="1" applyFont="1" applyBorder="1" applyAlignment="1">
      <alignment horizontal="center" vertical="center"/>
    </xf>
    <xf numFmtId="178" fontId="4" fillId="0" borderId="58" xfId="4" applyNumberFormat="1" applyFont="1" applyBorder="1" applyAlignment="1">
      <alignment horizontal="center" vertical="center"/>
    </xf>
    <xf numFmtId="178" fontId="4" fillId="0" borderId="55" xfId="4" applyNumberFormat="1" applyFont="1" applyBorder="1" applyAlignment="1">
      <alignment horizontal="center" vertical="center"/>
    </xf>
    <xf numFmtId="178" fontId="4" fillId="0" borderId="70" xfId="4" applyNumberFormat="1" applyFont="1" applyBorder="1" applyAlignment="1">
      <alignment horizontal="center" vertical="center"/>
    </xf>
    <xf numFmtId="178" fontId="4" fillId="0" borderId="56" xfId="4" applyNumberFormat="1" applyFont="1" applyBorder="1" applyAlignment="1">
      <alignment horizontal="center" vertical="center"/>
    </xf>
    <xf numFmtId="178" fontId="4" fillId="0" borderId="13" xfId="4" applyNumberFormat="1" applyFont="1" applyBorder="1" applyAlignment="1">
      <alignment horizontal="center" vertical="center" wrapText="1" shrinkToFit="1"/>
    </xf>
    <xf numFmtId="178" fontId="4" fillId="0" borderId="21" xfId="4" applyNumberFormat="1" applyFont="1" applyBorder="1" applyAlignment="1">
      <alignment horizontal="center" vertical="center" wrapText="1" shrinkToFit="1"/>
    </xf>
    <xf numFmtId="178" fontId="4" fillId="0" borderId="2" xfId="4" applyNumberFormat="1" applyFont="1" applyBorder="1" applyAlignment="1">
      <alignment horizontal="center" vertical="center" wrapText="1" shrinkToFit="1"/>
    </xf>
    <xf numFmtId="0" fontId="4" fillId="0" borderId="11" xfId="4" applyFont="1" applyBorder="1" applyAlignment="1">
      <alignment horizontal="center" vertical="center" wrapText="1"/>
    </xf>
    <xf numFmtId="178" fontId="4" fillId="0" borderId="11" xfId="4" applyNumberFormat="1" applyFont="1" applyBorder="1" applyAlignment="1">
      <alignment horizontal="center" vertical="center"/>
    </xf>
    <xf numFmtId="178" fontId="4" fillId="0" borderId="13" xfId="4" applyNumberFormat="1" applyFont="1" applyBorder="1" applyAlignment="1">
      <alignment horizontal="center" vertical="center" wrapText="1"/>
    </xf>
    <xf numFmtId="0" fontId="1" fillId="0" borderId="21" xfId="4" applyFont="1" applyBorder="1" applyAlignment="1">
      <alignment horizontal="center" vertical="center" wrapText="1"/>
    </xf>
    <xf numFmtId="0" fontId="1" fillId="0" borderId="2" xfId="4" applyFont="1" applyBorder="1" applyAlignment="1">
      <alignment horizontal="center" vertical="center" wrapText="1"/>
    </xf>
    <xf numFmtId="178" fontId="8" fillId="0" borderId="16" xfId="4" applyNumberFormat="1" applyFont="1" applyBorder="1" applyAlignment="1">
      <alignment horizontal="center" vertical="center" wrapText="1" shrinkToFit="1"/>
    </xf>
    <xf numFmtId="178" fontId="8" fillId="0" borderId="36" xfId="4" applyNumberFormat="1" applyFont="1" applyBorder="1" applyAlignment="1">
      <alignment horizontal="center" vertical="center" wrapText="1" shrinkToFit="1"/>
    </xf>
    <xf numFmtId="178" fontId="8" fillId="0" borderId="5" xfId="4" applyNumberFormat="1" applyFont="1" applyBorder="1" applyAlignment="1">
      <alignment horizontal="center" vertical="center" wrapText="1" shrinkToFit="1"/>
    </xf>
    <xf numFmtId="178" fontId="4" fillId="0" borderId="62" xfId="4" applyNumberFormat="1" applyFont="1" applyBorder="1" applyAlignment="1">
      <alignment horizontal="distributed" vertical="center"/>
    </xf>
    <xf numFmtId="176" fontId="4" fillId="0" borderId="6" xfId="4" applyNumberFormat="1" applyFont="1" applyBorder="1" applyAlignment="1">
      <alignment horizontal="distributed" vertical="center" wrapText="1" shrinkToFit="1"/>
    </xf>
    <xf numFmtId="176" fontId="4" fillId="0" borderId="18" xfId="4" applyNumberFormat="1" applyFont="1" applyBorder="1" applyAlignment="1">
      <alignment horizontal="distributed" vertical="center" shrinkToFit="1"/>
    </xf>
    <xf numFmtId="176" fontId="4" fillId="0" borderId="1" xfId="4" applyNumberFormat="1" applyFont="1" applyBorder="1" applyAlignment="1">
      <alignment horizontal="distributed" vertical="center" shrinkToFit="1"/>
    </xf>
    <xf numFmtId="176" fontId="2" fillId="0" borderId="34" xfId="4" applyNumberFormat="1" applyFont="1" applyFill="1" applyBorder="1" applyAlignment="1">
      <alignment horizontal="distributed" vertical="center" justifyLastLine="1"/>
    </xf>
    <xf numFmtId="176" fontId="2" fillId="0" borderId="62" xfId="4" applyNumberFormat="1" applyFont="1" applyFill="1" applyBorder="1" applyAlignment="1">
      <alignment horizontal="distributed" vertical="center" justifyLastLine="1"/>
    </xf>
    <xf numFmtId="176" fontId="2" fillId="0" borderId="75" xfId="4" applyNumberFormat="1" applyFont="1" applyFill="1" applyBorder="1" applyAlignment="1">
      <alignment horizontal="distributed" vertical="center" justifyLastLine="1"/>
    </xf>
    <xf numFmtId="180" fontId="2" fillId="0" borderId="34" xfId="4" applyNumberFormat="1" applyFont="1" applyBorder="1" applyAlignment="1">
      <alignment horizontal="distributed" vertical="center" justifyLastLine="1"/>
    </xf>
    <xf numFmtId="180" fontId="2" fillId="0" borderId="62" xfId="4" applyNumberFormat="1" applyFont="1" applyBorder="1" applyAlignment="1">
      <alignment horizontal="distributed" vertical="center" justifyLastLine="1"/>
    </xf>
    <xf numFmtId="180" fontId="2" fillId="0" borderId="75" xfId="4" applyNumberFormat="1" applyFont="1" applyBorder="1" applyAlignment="1">
      <alignment horizontal="distributed" vertical="center" justifyLastLine="1"/>
    </xf>
    <xf numFmtId="176" fontId="2" fillId="0" borderId="11" xfId="4" applyNumberFormat="1" applyFont="1" applyBorder="1" applyAlignment="1">
      <alignment horizontal="distributed" vertical="center"/>
    </xf>
    <xf numFmtId="176" fontId="4" fillId="0" borderId="7" xfId="4" applyNumberFormat="1" applyFont="1" applyBorder="1" applyAlignment="1">
      <alignment horizontal="distributed" vertical="center" wrapText="1" shrinkToFit="1"/>
    </xf>
    <xf numFmtId="176" fontId="4" fillId="0" borderId="21" xfId="4" applyNumberFormat="1" applyFont="1" applyBorder="1" applyAlignment="1">
      <alignment horizontal="distributed" vertical="center" shrinkToFit="1"/>
    </xf>
    <xf numFmtId="176" fontId="4" fillId="0" borderId="2" xfId="4" applyNumberFormat="1" applyFont="1" applyBorder="1" applyAlignment="1">
      <alignment horizontal="distributed" vertical="center" shrinkToFit="1"/>
    </xf>
    <xf numFmtId="178" fontId="2" fillId="0" borderId="9" xfId="4" applyNumberFormat="1" applyFont="1" applyFill="1" applyBorder="1" applyAlignment="1">
      <alignment horizontal="distributed" vertical="center" wrapText="1"/>
    </xf>
    <xf numFmtId="178" fontId="2" fillId="0" borderId="11" xfId="4" applyNumberFormat="1" applyFont="1" applyFill="1" applyBorder="1" applyAlignment="1">
      <alignment horizontal="distributed" vertical="center"/>
    </xf>
    <xf numFmtId="178" fontId="2" fillId="0" borderId="4" xfId="4" applyNumberFormat="1" applyFont="1" applyFill="1" applyBorder="1" applyAlignment="1">
      <alignment horizontal="distributed" vertical="center"/>
    </xf>
    <xf numFmtId="178" fontId="2" fillId="0" borderId="34" xfId="4" applyNumberFormat="1" applyFont="1" applyFill="1" applyBorder="1" applyAlignment="1">
      <alignment horizontal="center" vertical="center"/>
    </xf>
    <xf numFmtId="178" fontId="2" fillId="0" borderId="75" xfId="4" applyNumberFormat="1" applyFont="1" applyFill="1" applyBorder="1" applyAlignment="1">
      <alignment horizontal="center" vertical="center"/>
    </xf>
    <xf numFmtId="178" fontId="2" fillId="0" borderId="11" xfId="4" applyNumberFormat="1" applyFont="1" applyFill="1" applyBorder="1" applyAlignment="1">
      <alignment horizontal="center" vertical="center" wrapText="1"/>
    </xf>
    <xf numFmtId="0" fontId="1" fillId="0" borderId="11" xfId="4" applyFont="1" applyFill="1" applyBorder="1" applyAlignment="1">
      <alignment horizontal="center" vertical="center" wrapText="1"/>
    </xf>
    <xf numFmtId="178" fontId="2" fillId="0" borderId="21" xfId="4" applyNumberFormat="1" applyFont="1" applyFill="1" applyBorder="1" applyAlignment="1">
      <alignment horizontal="distributed" vertical="top" wrapText="1"/>
    </xf>
    <xf numFmtId="178" fontId="2" fillId="0" borderId="2" xfId="4" applyNumberFormat="1" applyFont="1" applyFill="1" applyBorder="1" applyAlignment="1">
      <alignment horizontal="distributed" vertical="top" wrapText="1"/>
    </xf>
    <xf numFmtId="178" fontId="2" fillId="0" borderId="34" xfId="4" applyNumberFormat="1" applyFont="1" applyFill="1" applyBorder="1" applyAlignment="1">
      <alignment horizontal="distributed" vertical="center" wrapText="1" indent="1"/>
    </xf>
    <xf numFmtId="178" fontId="2" fillId="0" borderId="62" xfId="4" applyNumberFormat="1" applyFont="1" applyFill="1" applyBorder="1" applyAlignment="1">
      <alignment horizontal="distributed" vertical="center" wrapText="1" indent="1"/>
    </xf>
    <xf numFmtId="178" fontId="2" fillId="0" borderId="75" xfId="4" applyNumberFormat="1" applyFont="1" applyFill="1" applyBorder="1" applyAlignment="1">
      <alignment horizontal="distributed" vertical="center" wrapText="1" indent="1"/>
    </xf>
    <xf numFmtId="0" fontId="9" fillId="0" borderId="36" xfId="5" applyFont="1" applyFill="1" applyBorder="1" applyAlignment="1">
      <alignment horizontal="center" vertical="center" wrapText="1"/>
    </xf>
    <xf numFmtId="178" fontId="2" fillId="0" borderId="34" xfId="4" applyNumberFormat="1" applyFont="1" applyFill="1" applyBorder="1" applyAlignment="1">
      <alignment horizontal="distributed" vertical="center" justifyLastLine="1"/>
    </xf>
    <xf numFmtId="178" fontId="2" fillId="0" borderId="62" xfId="4" applyNumberFormat="1" applyFont="1" applyFill="1" applyBorder="1" applyAlignment="1">
      <alignment horizontal="distributed" vertical="center" justifyLastLine="1"/>
    </xf>
    <xf numFmtId="178" fontId="2" fillId="0" borderId="75" xfId="4" applyNumberFormat="1" applyFont="1" applyFill="1" applyBorder="1" applyAlignment="1">
      <alignment horizontal="distributed" vertical="center" justifyLastLine="1"/>
    </xf>
    <xf numFmtId="178" fontId="2" fillId="0" borderId="18" xfId="4" applyNumberFormat="1" applyFont="1" applyFill="1" applyBorder="1" applyAlignment="1">
      <alignment horizontal="center" vertical="center" wrapText="1"/>
    </xf>
    <xf numFmtId="178" fontId="5" fillId="0" borderId="13" xfId="4" applyNumberFormat="1" applyFont="1" applyFill="1" applyBorder="1" applyAlignment="1">
      <alignment horizontal="distributed" vertical="center" wrapText="1"/>
    </xf>
    <xf numFmtId="0" fontId="2" fillId="0" borderId="2" xfId="4" applyFont="1" applyFill="1" applyBorder="1" applyAlignment="1">
      <alignment horizontal="distributed" vertical="center" wrapText="1"/>
    </xf>
    <xf numFmtId="38" fontId="5" fillId="0" borderId="0" xfId="6" applyFont="1" applyBorder="1" applyAlignment="1">
      <alignment horizontal="center" vertical="center"/>
    </xf>
    <xf numFmtId="38" fontId="5" fillId="0" borderId="0" xfId="6" applyFont="1" applyAlignment="1">
      <alignment vertical="center"/>
    </xf>
    <xf numFmtId="38" fontId="5" fillId="0" borderId="0" xfId="6" applyFont="1" applyBorder="1" applyAlignment="1">
      <alignment horizontal="center" vertical="center" shrinkToFit="1"/>
    </xf>
    <xf numFmtId="38" fontId="5" fillId="0" borderId="0" xfId="6" applyFont="1" applyBorder="1" applyAlignment="1">
      <alignment horizontal="right" vertical="center"/>
    </xf>
    <xf numFmtId="38" fontId="5" fillId="0" borderId="35" xfId="6" applyFont="1" applyBorder="1" applyAlignment="1">
      <alignment horizontal="center" vertical="center"/>
    </xf>
    <xf numFmtId="38" fontId="2" fillId="0" borderId="54" xfId="6" applyFont="1" applyBorder="1" applyAlignment="1">
      <alignment horizontal="center" vertical="center" wrapText="1"/>
    </xf>
    <xf numFmtId="38" fontId="2" fillId="0" borderId="80" xfId="6" applyFont="1" applyBorder="1" applyAlignment="1">
      <alignment horizontal="center" vertical="center" wrapText="1"/>
    </xf>
    <xf numFmtId="38" fontId="2" fillId="0" borderId="0" xfId="6" applyFont="1" applyBorder="1" applyAlignment="1">
      <alignment horizontal="center" vertical="center" wrapText="1"/>
    </xf>
    <xf numFmtId="38" fontId="2" fillId="0" borderId="53" xfId="6" applyFont="1" applyBorder="1" applyAlignment="1">
      <alignment horizontal="center" vertical="center" wrapText="1"/>
    </xf>
    <xf numFmtId="38" fontId="2" fillId="0" borderId="59" xfId="6" applyFont="1" applyBorder="1" applyAlignment="1">
      <alignment horizontal="center" vertical="center" wrapText="1"/>
    </xf>
    <xf numFmtId="38" fontId="2" fillId="0" borderId="52" xfId="6" applyFont="1" applyBorder="1" applyAlignment="1">
      <alignment horizontal="center" vertical="center" wrapText="1"/>
    </xf>
    <xf numFmtId="38" fontId="2" fillId="2" borderId="48" xfId="6" applyFont="1" applyFill="1" applyBorder="1" applyAlignment="1">
      <alignment horizontal="center" vertical="center"/>
    </xf>
    <xf numFmtId="38" fontId="2" fillId="2" borderId="58" xfId="6" applyFont="1" applyFill="1" applyBorder="1" applyAlignment="1">
      <alignment horizontal="center" vertical="center"/>
    </xf>
    <xf numFmtId="38" fontId="2" fillId="2" borderId="76" xfId="6" applyFont="1" applyFill="1" applyBorder="1" applyAlignment="1">
      <alignment horizontal="center" vertical="center"/>
    </xf>
    <xf numFmtId="38" fontId="2" fillId="2" borderId="61" xfId="6" applyFont="1" applyFill="1" applyBorder="1" applyAlignment="1">
      <alignment horizontal="center" vertical="center"/>
    </xf>
    <xf numFmtId="38" fontId="2" fillId="2" borderId="3" xfId="6" applyFont="1" applyFill="1" applyBorder="1" applyAlignment="1">
      <alignment horizontal="center" vertical="center"/>
    </xf>
    <xf numFmtId="38" fontId="2" fillId="0" borderId="60" xfId="6" applyFont="1" applyBorder="1" applyAlignment="1">
      <alignment horizontal="center" vertical="center"/>
    </xf>
    <xf numFmtId="38" fontId="2" fillId="0" borderId="3" xfId="6" applyFont="1" applyBorder="1" applyAlignment="1">
      <alignment horizontal="center" vertical="center"/>
    </xf>
    <xf numFmtId="38" fontId="5" fillId="0" borderId="0" xfId="6" applyFont="1" applyBorder="1" applyAlignment="1">
      <alignment horizontal="left" vertical="center"/>
    </xf>
    <xf numFmtId="38" fontId="2" fillId="0" borderId="51" xfId="6" applyFont="1" applyBorder="1" applyAlignment="1">
      <alignment horizontal="center" vertical="center" wrapText="1"/>
    </xf>
    <xf numFmtId="38" fontId="2" fillId="0" borderId="14" xfId="6" applyFont="1" applyBorder="1" applyAlignment="1">
      <alignment horizontal="center" vertical="center" wrapText="1"/>
    </xf>
    <xf numFmtId="38" fontId="2" fillId="0" borderId="60" xfId="6" applyFont="1" applyBorder="1" applyAlignment="1">
      <alignment horizontal="center" vertical="center" wrapText="1"/>
    </xf>
    <xf numFmtId="38" fontId="2" fillId="0" borderId="3" xfId="6" applyFont="1" applyBorder="1" applyAlignment="1">
      <alignment horizontal="center" vertical="center" wrapText="1"/>
    </xf>
    <xf numFmtId="176" fontId="4" fillId="0" borderId="0" xfId="4" applyNumberFormat="1" applyFont="1" applyFill="1" applyBorder="1" applyAlignment="1">
      <alignment horizontal="left" wrapText="1"/>
    </xf>
    <xf numFmtId="176" fontId="4" fillId="0" borderId="59" xfId="4" applyNumberFormat="1" applyFont="1" applyFill="1" applyBorder="1" applyAlignment="1">
      <alignment horizontal="left" wrapText="1"/>
    </xf>
    <xf numFmtId="176" fontId="4" fillId="0" borderId="11" xfId="4" applyNumberFormat="1" applyFont="1" applyFill="1" applyBorder="1" applyAlignment="1">
      <alignment horizontal="distributed" vertical="center"/>
    </xf>
    <xf numFmtId="176" fontId="4" fillId="0" borderId="4" xfId="4" applyNumberFormat="1" applyFont="1" applyFill="1" applyBorder="1" applyAlignment="1">
      <alignment horizontal="distributed" vertical="center"/>
    </xf>
    <xf numFmtId="176" fontId="4" fillId="0" borderId="7" xfId="4" applyNumberFormat="1" applyFont="1" applyFill="1" applyBorder="1" applyAlignment="1">
      <alignment horizontal="center" vertical="center"/>
    </xf>
    <xf numFmtId="176" fontId="4" fillId="0" borderId="2" xfId="4" applyNumberFormat="1" applyFont="1" applyFill="1" applyBorder="1" applyAlignment="1">
      <alignment horizontal="center" vertical="center"/>
    </xf>
    <xf numFmtId="176" fontId="4" fillId="0" borderId="9" xfId="4" applyNumberFormat="1" applyFont="1" applyFill="1" applyBorder="1" applyAlignment="1">
      <alignment horizontal="distributed" vertical="center"/>
    </xf>
    <xf numFmtId="176" fontId="4" fillId="0" borderId="6" xfId="4" applyNumberFormat="1" applyFont="1" applyFill="1" applyBorder="1" applyAlignment="1">
      <alignment horizontal="right" vertical="center"/>
    </xf>
    <xf numFmtId="176" fontId="4" fillId="0" borderId="1" xfId="4" applyNumberFormat="1" applyFont="1" applyFill="1" applyBorder="1" applyAlignment="1">
      <alignment horizontal="right" vertical="center"/>
    </xf>
    <xf numFmtId="176" fontId="4" fillId="0" borderId="70" xfId="4" applyNumberFormat="1" applyFont="1" applyFill="1" applyBorder="1" applyAlignment="1">
      <alignment horizontal="center" vertical="center"/>
    </xf>
    <xf numFmtId="176" fontId="4" fillId="0" borderId="61" xfId="4" applyNumberFormat="1" applyFont="1" applyFill="1" applyBorder="1" applyAlignment="1">
      <alignment horizontal="center" vertical="center"/>
    </xf>
    <xf numFmtId="176" fontId="4" fillId="0" borderId="48" xfId="4" applyNumberFormat="1" applyFont="1" applyFill="1" applyBorder="1" applyAlignment="1">
      <alignment horizontal="distributed" vertical="center" justifyLastLine="1"/>
    </xf>
    <xf numFmtId="176" fontId="4" fillId="0" borderId="58" xfId="4" applyNumberFormat="1" applyFont="1" applyFill="1" applyBorder="1" applyAlignment="1">
      <alignment horizontal="distributed" vertical="center" justifyLastLine="1"/>
    </xf>
    <xf numFmtId="176" fontId="4" fillId="0" borderId="76" xfId="4" applyNumberFormat="1" applyFont="1" applyFill="1" applyBorder="1" applyAlignment="1">
      <alignment horizontal="distributed" vertical="center" justifyLastLine="1"/>
    </xf>
    <xf numFmtId="176" fontId="4" fillId="0" borderId="21" xfId="4" applyNumberFormat="1" applyFont="1" applyFill="1" applyBorder="1" applyAlignment="1">
      <alignment horizontal="distributed" vertical="center" wrapText="1" shrinkToFit="1"/>
    </xf>
    <xf numFmtId="176" fontId="4" fillId="0" borderId="36" xfId="4" applyNumberFormat="1" applyFont="1" applyFill="1" applyBorder="1" applyAlignment="1">
      <alignment horizontal="distributed" vertical="center" wrapText="1"/>
    </xf>
    <xf numFmtId="176" fontId="4" fillId="0" borderId="36" xfId="4" applyNumberFormat="1" applyFont="1" applyFill="1" applyBorder="1" applyAlignment="1">
      <alignment horizontal="distributed" vertical="center"/>
    </xf>
    <xf numFmtId="176" fontId="4" fillId="0" borderId="18" xfId="4" applyNumberFormat="1" applyFont="1" applyFill="1" applyBorder="1" applyAlignment="1">
      <alignment horizontal="center" vertical="center"/>
    </xf>
    <xf numFmtId="176" fontId="4" fillId="0" borderId="48" xfId="4" applyNumberFormat="1" applyFont="1" applyFill="1" applyBorder="1" applyAlignment="1">
      <alignment horizontal="right" vertical="center"/>
    </xf>
    <xf numFmtId="0" fontId="0" fillId="0" borderId="45" xfId="0" applyBorder="1" applyAlignment="1">
      <alignment horizontal="right" vertical="center"/>
    </xf>
    <xf numFmtId="182" fontId="4" fillId="0" borderId="68" xfId="4" applyNumberFormat="1" applyFont="1" applyFill="1" applyBorder="1" applyAlignment="1">
      <alignment horizontal="right" vertical="center"/>
    </xf>
    <xf numFmtId="0" fontId="0" fillId="0" borderId="67" xfId="0" applyBorder="1" applyAlignment="1">
      <alignment horizontal="right" vertical="center"/>
    </xf>
    <xf numFmtId="176" fontId="4" fillId="0" borderId="8" xfId="4" applyNumberFormat="1" applyFont="1" applyFill="1" applyBorder="1" applyAlignment="1">
      <alignment horizontal="center" vertical="center"/>
    </xf>
    <xf numFmtId="176" fontId="4" fillId="0" borderId="3" xfId="4" applyNumberFormat="1" applyFont="1" applyFill="1" applyBorder="1" applyAlignment="1">
      <alignment horizontal="center" vertical="center"/>
    </xf>
    <xf numFmtId="176" fontId="4" fillId="0" borderId="21" xfId="4" applyNumberFormat="1" applyFont="1" applyFill="1" applyBorder="1" applyAlignment="1">
      <alignment horizontal="distributed" vertical="center" wrapText="1"/>
    </xf>
    <xf numFmtId="176" fontId="4" fillId="0" borderId="22" xfId="4" applyNumberFormat="1" applyFont="1" applyFill="1" applyBorder="1" applyAlignment="1">
      <alignment horizontal="distributed" vertical="center" wrapText="1"/>
    </xf>
    <xf numFmtId="0" fontId="0" fillId="0" borderId="20" xfId="0" applyBorder="1" applyAlignment="1">
      <alignment horizontal="distributed" vertical="center" wrapText="1"/>
    </xf>
    <xf numFmtId="0" fontId="0" fillId="0" borderId="22" xfId="0" applyBorder="1" applyAlignment="1">
      <alignment horizontal="distributed" vertical="center" wrapText="1"/>
    </xf>
    <xf numFmtId="0" fontId="0" fillId="0" borderId="21" xfId="0" applyBorder="1" applyAlignment="1">
      <alignment horizontal="distributed" vertical="center"/>
    </xf>
    <xf numFmtId="176" fontId="4" fillId="0" borderId="21" xfId="4" applyNumberFormat="1" applyFont="1" applyFill="1" applyBorder="1" applyAlignment="1">
      <alignment horizontal="distributed" vertical="center"/>
    </xf>
    <xf numFmtId="176" fontId="4" fillId="0" borderId="70" xfId="4" applyNumberFormat="1" applyFont="1" applyFill="1" applyBorder="1" applyAlignment="1">
      <alignment horizontal="right" vertical="center"/>
    </xf>
    <xf numFmtId="0" fontId="0" fillId="0" borderId="55" xfId="0" applyBorder="1" applyAlignment="1">
      <alignment vertical="center"/>
    </xf>
    <xf numFmtId="176" fontId="4" fillId="0" borderId="22" xfId="4" applyNumberFormat="1" applyFont="1" applyFill="1" applyBorder="1" applyAlignment="1"/>
    <xf numFmtId="0" fontId="0" fillId="0" borderId="53" xfId="0" applyBorder="1" applyAlignment="1">
      <alignment vertical="center"/>
    </xf>
    <xf numFmtId="0" fontId="0" fillId="0" borderId="22" xfId="0" applyBorder="1" applyAlignment="1">
      <alignment vertical="center"/>
    </xf>
    <xf numFmtId="176" fontId="4" fillId="0" borderId="22" xfId="4" applyNumberFormat="1" applyFont="1" applyFill="1" applyBorder="1" applyAlignment="1">
      <alignment horizontal="left" vertical="center"/>
    </xf>
    <xf numFmtId="176" fontId="4" fillId="0" borderId="9" xfId="4" applyNumberFormat="1" applyFont="1" applyFill="1" applyBorder="1" applyAlignment="1">
      <alignment horizontal="distributed" vertical="distributed" textRotation="255" indent="5"/>
    </xf>
    <xf numFmtId="0" fontId="0" fillId="0" borderId="11" xfId="0" applyBorder="1" applyAlignment="1">
      <alignment horizontal="distributed" vertical="distributed" textRotation="255" indent="5"/>
    </xf>
    <xf numFmtId="0" fontId="0" fillId="0" borderId="4" xfId="0" applyBorder="1" applyAlignment="1">
      <alignment horizontal="distributed" vertical="distributed" textRotation="255" indent="5"/>
    </xf>
    <xf numFmtId="176" fontId="4" fillId="0" borderId="70" xfId="4" applyNumberFormat="1" applyFont="1" applyFill="1" applyBorder="1" applyAlignment="1">
      <alignment horizontal="distributed" vertical="center" wrapText="1"/>
    </xf>
    <xf numFmtId="0" fontId="0" fillId="0" borderId="61" xfId="0" applyBorder="1" applyAlignment="1">
      <alignment vertical="center"/>
    </xf>
    <xf numFmtId="0" fontId="0" fillId="0" borderId="52" xfId="0" applyBorder="1" applyAlignment="1">
      <alignment vertical="center"/>
    </xf>
    <xf numFmtId="176" fontId="4" fillId="0" borderId="9" xfId="4" applyNumberFormat="1" applyFont="1" applyFill="1" applyBorder="1" applyAlignment="1">
      <alignment horizontal="center" vertical="center"/>
    </xf>
    <xf numFmtId="176" fontId="4" fillId="0" borderId="4" xfId="4" applyNumberFormat="1" applyFont="1" applyFill="1" applyBorder="1" applyAlignment="1">
      <alignment horizontal="center" vertical="center"/>
    </xf>
    <xf numFmtId="176" fontId="4" fillId="0" borderId="9" xfId="4" applyNumberFormat="1" applyFont="1" applyFill="1" applyBorder="1" applyAlignment="1">
      <alignment horizontal="distributed" vertical="center" wrapText="1"/>
    </xf>
    <xf numFmtId="176" fontId="4" fillId="0" borderId="4" xfId="4" applyNumberFormat="1" applyFont="1" applyFill="1" applyBorder="1" applyAlignment="1">
      <alignment horizontal="distributed" vertical="center" wrapText="1"/>
    </xf>
    <xf numFmtId="176" fontId="4" fillId="0" borderId="61" xfId="4" applyNumberFormat="1" applyFont="1" applyFill="1" applyBorder="1" applyAlignment="1">
      <alignment vertical="center"/>
    </xf>
    <xf numFmtId="176" fontId="5" fillId="0" borderId="22" xfId="4" applyNumberFormat="1" applyFont="1" applyBorder="1" applyAlignment="1">
      <alignment horizontal="center" vertical="center"/>
    </xf>
    <xf numFmtId="176" fontId="5" fillId="0" borderId="35" xfId="4" applyNumberFormat="1" applyFont="1" applyBorder="1" applyAlignment="1">
      <alignment horizontal="center" vertical="center"/>
    </xf>
    <xf numFmtId="176" fontId="5" fillId="0" borderId="0" xfId="4" applyNumberFormat="1" applyFont="1" applyAlignment="1">
      <alignment horizontal="left" vertical="center"/>
    </xf>
    <xf numFmtId="176" fontId="5" fillId="0" borderId="54" xfId="4" applyNumberFormat="1" applyFont="1" applyBorder="1" applyAlignment="1">
      <alignment horizontal="center" vertical="center"/>
    </xf>
    <xf numFmtId="176" fontId="5" fillId="0" borderId="22" xfId="4" applyNumberFormat="1" applyFont="1" applyBorder="1" applyAlignment="1">
      <alignment horizontal="right" vertical="center" wrapText="1"/>
    </xf>
    <xf numFmtId="0" fontId="25" fillId="0" borderId="0" xfId="0" applyFont="1" applyAlignment="1">
      <alignment horizontal="right" vertical="center" wrapText="1"/>
    </xf>
    <xf numFmtId="0" fontId="25" fillId="0" borderId="22" xfId="0" applyFont="1" applyBorder="1" applyAlignment="1">
      <alignment horizontal="right" vertical="center" wrapText="1"/>
    </xf>
    <xf numFmtId="183" fontId="5" fillId="0" borderId="70" xfId="6" applyNumberFormat="1" applyFont="1" applyFill="1" applyBorder="1" applyAlignment="1">
      <alignment horizontal="center" vertical="center"/>
    </xf>
    <xf numFmtId="183" fontId="5" fillId="0" borderId="56" xfId="6" applyNumberFormat="1" applyFont="1" applyFill="1" applyBorder="1" applyAlignment="1">
      <alignment horizontal="center" vertical="center"/>
    </xf>
    <xf numFmtId="183" fontId="5" fillId="0" borderId="55" xfId="6" applyNumberFormat="1" applyFont="1" applyFill="1" applyBorder="1" applyAlignment="1">
      <alignment horizontal="center" vertical="center"/>
    </xf>
    <xf numFmtId="176" fontId="5" fillId="0" borderId="16" xfId="4" applyNumberFormat="1" applyFont="1" applyBorder="1" applyAlignment="1">
      <alignment vertical="center" wrapText="1"/>
    </xf>
    <xf numFmtId="0" fontId="15" fillId="0" borderId="5" xfId="5" applyBorder="1">
      <alignment vertical="center"/>
    </xf>
    <xf numFmtId="176" fontId="4" fillId="0" borderId="13" xfId="4" applyNumberFormat="1" applyFont="1" applyBorder="1" applyAlignment="1">
      <alignment horizontal="distributed" vertical="center" wrapText="1" shrinkToFit="1"/>
    </xf>
    <xf numFmtId="176" fontId="4" fillId="0" borderId="2" xfId="4" applyNumberFormat="1" applyFont="1" applyBorder="1" applyAlignment="1">
      <alignment horizontal="distributed" vertical="center" wrapText="1" shrinkToFit="1"/>
    </xf>
    <xf numFmtId="176" fontId="5" fillId="0" borderId="11" xfId="4" applyNumberFormat="1" applyFont="1" applyBorder="1" applyAlignment="1">
      <alignment horizontal="distributed" vertical="center" wrapText="1"/>
    </xf>
    <xf numFmtId="176" fontId="5" fillId="0" borderId="4" xfId="4" applyNumberFormat="1" applyFont="1" applyBorder="1" applyAlignment="1">
      <alignment horizontal="distributed" vertical="center" wrapText="1"/>
    </xf>
    <xf numFmtId="176" fontId="4" fillId="0" borderId="36" xfId="4" applyNumberFormat="1" applyFont="1" applyBorder="1" applyAlignment="1">
      <alignment horizontal="distributed" vertical="center" wrapText="1"/>
    </xf>
    <xf numFmtId="176" fontId="4" fillId="0" borderId="5" xfId="4" applyNumberFormat="1" applyFont="1" applyBorder="1" applyAlignment="1">
      <alignment horizontal="distributed" vertical="center" wrapText="1"/>
    </xf>
    <xf numFmtId="176" fontId="4" fillId="0" borderId="13" xfId="4" applyNumberFormat="1" applyFont="1" applyBorder="1" applyAlignment="1">
      <alignment horizontal="distributed" vertical="center" wrapText="1"/>
    </xf>
    <xf numFmtId="176" fontId="4" fillId="0" borderId="2" xfId="4" applyNumberFormat="1" applyFont="1" applyBorder="1" applyAlignment="1">
      <alignment horizontal="distributed" vertical="center" wrapText="1"/>
    </xf>
    <xf numFmtId="0" fontId="4" fillId="0" borderId="12" xfId="4" applyFont="1" applyBorder="1" applyAlignment="1">
      <alignment horizontal="distributed" vertical="center" wrapText="1" shrinkToFit="1"/>
    </xf>
    <xf numFmtId="0" fontId="5" fillId="0" borderId="1" xfId="4" applyFont="1" applyBorder="1" applyAlignment="1">
      <alignment horizontal="distributed" vertical="center" wrapText="1" shrinkToFit="1"/>
    </xf>
    <xf numFmtId="183" fontId="5" fillId="0" borderId="22" xfId="6" applyNumberFormat="1" applyFont="1" applyFill="1" applyBorder="1" applyAlignment="1">
      <alignment horizontal="center" vertical="center"/>
    </xf>
    <xf numFmtId="183" fontId="5" fillId="0" borderId="0" xfId="6" applyNumberFormat="1" applyFont="1" applyFill="1" applyBorder="1" applyAlignment="1">
      <alignment horizontal="center" vertical="center"/>
    </xf>
    <xf numFmtId="183" fontId="5" fillId="0" borderId="53" xfId="6" applyNumberFormat="1" applyFont="1" applyFill="1" applyBorder="1" applyAlignment="1">
      <alignment horizontal="center" vertical="center"/>
    </xf>
    <xf numFmtId="176" fontId="5" fillId="0" borderId="65" xfId="4" applyNumberFormat="1" applyFont="1" applyBorder="1" applyAlignment="1">
      <alignment horizontal="center" vertical="center" wrapText="1"/>
    </xf>
    <xf numFmtId="0" fontId="0" fillId="0" borderId="67" xfId="0" applyBorder="1" applyAlignment="1">
      <alignment horizontal="center" vertical="center" wrapText="1"/>
    </xf>
    <xf numFmtId="183" fontId="5" fillId="0" borderId="61" xfId="6" applyNumberFormat="1" applyFont="1" applyFill="1" applyBorder="1" applyAlignment="1">
      <alignment horizontal="center" vertical="center"/>
    </xf>
    <xf numFmtId="183" fontId="5" fillId="0" borderId="59" xfId="6" applyNumberFormat="1" applyFont="1" applyFill="1" applyBorder="1" applyAlignment="1">
      <alignment horizontal="center" vertical="center"/>
    </xf>
    <xf numFmtId="183" fontId="5" fillId="0" borderId="52" xfId="6" applyNumberFormat="1" applyFont="1" applyFill="1" applyBorder="1" applyAlignment="1">
      <alignment horizontal="center" vertical="center"/>
    </xf>
    <xf numFmtId="176" fontId="8" fillId="0" borderId="18" xfId="4" applyNumberFormat="1" applyFont="1" applyBorder="1" applyAlignment="1">
      <alignment horizontal="center" vertical="center" wrapText="1" shrinkToFit="1"/>
    </xf>
    <xf numFmtId="0" fontId="15" fillId="0" borderId="18" xfId="5" applyBorder="1">
      <alignment vertical="center"/>
    </xf>
    <xf numFmtId="0" fontId="15" fillId="0" borderId="1" xfId="5" applyBorder="1">
      <alignment vertical="center"/>
    </xf>
    <xf numFmtId="176" fontId="4" fillId="0" borderId="21" xfId="4" applyNumberFormat="1" applyFont="1" applyBorder="1" applyAlignment="1">
      <alignment horizontal="distributed" vertical="center"/>
    </xf>
    <xf numFmtId="0" fontId="2" fillId="0" borderId="21" xfId="4" applyFont="1" applyBorder="1" applyAlignment="1">
      <alignment horizontal="distributed" vertical="center"/>
    </xf>
    <xf numFmtId="176" fontId="4" fillId="0" borderId="51" xfId="4" applyNumberFormat="1" applyFont="1" applyBorder="1" applyAlignment="1">
      <alignment horizontal="left" vertical="center"/>
    </xf>
    <xf numFmtId="176" fontId="4" fillId="0" borderId="80" xfId="4" applyNumberFormat="1" applyFont="1" applyBorder="1" applyAlignment="1">
      <alignment horizontal="left" vertical="center"/>
    </xf>
    <xf numFmtId="176" fontId="8" fillId="0" borderId="11" xfId="4" applyNumberFormat="1" applyFont="1" applyBorder="1" applyAlignment="1">
      <alignment horizontal="distributed" vertical="top" wrapText="1"/>
    </xf>
    <xf numFmtId="176" fontId="8" fillId="0" borderId="4" xfId="4" applyNumberFormat="1" applyFont="1" applyBorder="1" applyAlignment="1">
      <alignment horizontal="distributed" vertical="top" wrapText="1"/>
    </xf>
    <xf numFmtId="176" fontId="4" fillId="0" borderId="36" xfId="4" applyNumberFormat="1" applyFont="1" applyBorder="1" applyAlignment="1">
      <alignment horizontal="center" vertical="center" wrapText="1" shrinkToFit="1"/>
    </xf>
    <xf numFmtId="0" fontId="1" fillId="0" borderId="36" xfId="4" applyBorder="1"/>
    <xf numFmtId="0" fontId="1" fillId="0" borderId="5" xfId="4" applyBorder="1"/>
    <xf numFmtId="176" fontId="8" fillId="0" borderId="13" xfId="4" applyNumberFormat="1" applyFont="1" applyBorder="1" applyAlignment="1">
      <alignment horizontal="distributed" vertical="center" wrapText="1"/>
    </xf>
    <xf numFmtId="176" fontId="8" fillId="0" borderId="21" xfId="4" applyNumberFormat="1" applyFont="1" applyBorder="1" applyAlignment="1">
      <alignment horizontal="distributed" vertical="center" wrapText="1"/>
    </xf>
    <xf numFmtId="176" fontId="8" fillId="0" borderId="2" xfId="4" applyNumberFormat="1" applyFont="1" applyBorder="1" applyAlignment="1">
      <alignment horizontal="distributed" vertical="center" wrapText="1"/>
    </xf>
    <xf numFmtId="176" fontId="8" fillId="0" borderId="18" xfId="4" applyNumberFormat="1" applyFont="1" applyBorder="1" applyAlignment="1">
      <alignment horizontal="center" vertical="center" wrapText="1"/>
    </xf>
    <xf numFmtId="0" fontId="8" fillId="0" borderId="18" xfId="4" applyFont="1" applyBorder="1" applyAlignment="1">
      <alignment horizontal="center" vertical="center" wrapText="1"/>
    </xf>
    <xf numFmtId="0" fontId="8" fillId="0" borderId="1" xfId="4" applyFont="1" applyBorder="1" applyAlignment="1">
      <alignment horizontal="center" vertical="center" wrapText="1"/>
    </xf>
    <xf numFmtId="0" fontId="26" fillId="0" borderId="11" xfId="4" applyFont="1" applyBorder="1" applyAlignment="1">
      <alignment horizontal="distributed" vertical="top" wrapText="1"/>
    </xf>
    <xf numFmtId="0" fontId="26" fillId="0" borderId="4" xfId="4" applyFont="1" applyBorder="1" applyAlignment="1">
      <alignment horizontal="distributed" vertical="top" wrapText="1"/>
    </xf>
    <xf numFmtId="176" fontId="8" fillId="0" borderId="36" xfId="4" applyNumberFormat="1" applyFont="1" applyBorder="1" applyAlignment="1">
      <alignment horizontal="distributed" vertical="top" wrapText="1"/>
    </xf>
    <xf numFmtId="176" fontId="8" fillId="0" borderId="5" xfId="4" applyNumberFormat="1" applyFont="1" applyBorder="1" applyAlignment="1">
      <alignment horizontal="distributed" vertical="top" wrapText="1"/>
    </xf>
    <xf numFmtId="176" fontId="8" fillId="0" borderId="51" xfId="4" applyNumberFormat="1" applyFont="1" applyBorder="1" applyAlignment="1">
      <alignment horizontal="distributed" vertical="center" wrapText="1"/>
    </xf>
    <xf numFmtId="176" fontId="8" fillId="0" borderId="19" xfId="4" applyNumberFormat="1" applyFont="1" applyBorder="1" applyAlignment="1">
      <alignment horizontal="distributed" vertical="center" wrapText="1"/>
    </xf>
    <xf numFmtId="176" fontId="8" fillId="0" borderId="60" xfId="4" applyNumberFormat="1" applyFont="1" applyBorder="1" applyAlignment="1">
      <alignment horizontal="distributed" vertical="center" wrapText="1"/>
    </xf>
    <xf numFmtId="176" fontId="4" fillId="0" borderId="34" xfId="4" applyNumberFormat="1" applyFont="1" applyBorder="1" applyAlignment="1">
      <alignment horizontal="center" vertical="center" justifyLastLine="1"/>
    </xf>
    <xf numFmtId="176" fontId="4" fillId="0" borderId="62" xfId="4" applyNumberFormat="1" applyFont="1" applyBorder="1" applyAlignment="1">
      <alignment horizontal="center" vertical="center" justifyLastLine="1"/>
    </xf>
    <xf numFmtId="176" fontId="4" fillId="0" borderId="75" xfId="4" applyNumberFormat="1" applyFont="1" applyBorder="1" applyAlignment="1">
      <alignment horizontal="center" vertical="center" justifyLastLine="1"/>
    </xf>
    <xf numFmtId="176" fontId="4" fillId="0" borderId="34" xfId="4" applyNumberFormat="1" applyFont="1" applyBorder="1" applyAlignment="1">
      <alignment horizontal="distributed" vertical="center" indent="2"/>
    </xf>
    <xf numFmtId="176" fontId="4" fillId="0" borderId="62" xfId="4" applyNumberFormat="1" applyFont="1" applyBorder="1" applyAlignment="1">
      <alignment horizontal="distributed" vertical="center" indent="2"/>
    </xf>
    <xf numFmtId="176" fontId="4" fillId="0" borderId="75" xfId="4" applyNumberFormat="1" applyFont="1" applyBorder="1" applyAlignment="1">
      <alignment horizontal="distributed" vertical="center" indent="2"/>
    </xf>
    <xf numFmtId="176" fontId="4" fillId="0" borderId="11" xfId="4" applyNumberFormat="1" applyFont="1" applyBorder="1" applyAlignment="1">
      <alignment horizontal="distributed" vertical="center" wrapText="1"/>
    </xf>
    <xf numFmtId="176" fontId="4" fillId="0" borderId="22" xfId="4" applyNumberFormat="1" applyFont="1" applyBorder="1" applyAlignment="1">
      <alignment horizontal="center" vertical="center" wrapText="1"/>
    </xf>
    <xf numFmtId="176" fontId="4" fillId="0" borderId="61" xfId="4" applyNumberFormat="1" applyFont="1" applyBorder="1" applyAlignment="1">
      <alignment horizontal="center" vertical="center" wrapText="1"/>
    </xf>
    <xf numFmtId="176" fontId="8" fillId="0" borderId="13" xfId="4" applyNumberFormat="1" applyFont="1" applyBorder="1" applyAlignment="1">
      <alignment horizontal="left" vertical="center" wrapText="1"/>
    </xf>
    <xf numFmtId="176" fontId="8" fillId="0" borderId="21" xfId="4" applyNumberFormat="1" applyFont="1" applyBorder="1" applyAlignment="1">
      <alignment horizontal="left" vertical="center" wrapText="1"/>
    </xf>
    <xf numFmtId="176" fontId="8" fillId="0" borderId="2" xfId="4" applyNumberFormat="1" applyFont="1" applyBorder="1" applyAlignment="1">
      <alignment horizontal="left" vertical="center" wrapText="1"/>
    </xf>
    <xf numFmtId="176" fontId="4" fillId="0" borderId="51" xfId="4" applyNumberFormat="1" applyFont="1" applyBorder="1" applyAlignment="1">
      <alignment horizontal="left" vertical="center" shrinkToFit="1"/>
    </xf>
    <xf numFmtId="176" fontId="4" fillId="0" borderId="80" xfId="4" applyNumberFormat="1" applyFont="1" applyBorder="1" applyAlignment="1">
      <alignment horizontal="left" vertical="center" shrinkToFit="1"/>
    </xf>
    <xf numFmtId="176" fontId="4" fillId="0" borderId="5" xfId="4" applyNumberFormat="1" applyFont="1" applyBorder="1" applyAlignment="1">
      <alignment horizontal="center" vertical="center" wrapText="1" shrinkToFit="1"/>
    </xf>
    <xf numFmtId="176" fontId="8" fillId="0" borderId="12" xfId="4" applyNumberFormat="1" applyFont="1" applyBorder="1" applyAlignment="1">
      <alignment horizontal="distributed" vertical="center" wrapText="1"/>
    </xf>
    <xf numFmtId="0" fontId="26" fillId="0" borderId="18" xfId="4" applyFont="1" applyBorder="1" applyAlignment="1">
      <alignment horizontal="distributed" vertical="center" wrapText="1"/>
    </xf>
    <xf numFmtId="0" fontId="26" fillId="0" borderId="1" xfId="4" applyFont="1" applyBorder="1" applyAlignment="1">
      <alignment horizontal="distributed" vertical="center" wrapText="1"/>
    </xf>
    <xf numFmtId="176" fontId="4" fillId="0" borderId="24" xfId="4" applyNumberFormat="1" applyFont="1" applyBorder="1" applyAlignment="1">
      <alignment horizontal="center" vertical="center"/>
    </xf>
    <xf numFmtId="176" fontId="4" fillId="0" borderId="77" xfId="4" applyNumberFormat="1" applyFont="1" applyBorder="1" applyAlignment="1">
      <alignment horizontal="center" vertical="center"/>
    </xf>
    <xf numFmtId="176" fontId="4" fillId="0" borderId="34" xfId="4" applyNumberFormat="1" applyFont="1" applyBorder="1" applyAlignment="1">
      <alignment horizontal="distributed" vertical="center" justifyLastLine="1"/>
    </xf>
    <xf numFmtId="0" fontId="15" fillId="0" borderId="62" xfId="5" applyBorder="1" applyAlignment="1">
      <alignment horizontal="distributed" vertical="center" justifyLastLine="1"/>
    </xf>
    <xf numFmtId="0" fontId="15" fillId="0" borderId="56" xfId="5" applyBorder="1" applyAlignment="1">
      <alignment horizontal="distributed" vertical="center" justifyLastLine="1"/>
    </xf>
    <xf numFmtId="0" fontId="15" fillId="0" borderId="75" xfId="5" applyBorder="1" applyAlignment="1">
      <alignment horizontal="distributed" vertical="center" justifyLastLine="1"/>
    </xf>
    <xf numFmtId="176" fontId="4" fillId="0" borderId="62" xfId="4" applyNumberFormat="1" applyFont="1" applyBorder="1" applyAlignment="1">
      <alignment horizontal="distributed" vertical="center" justifyLastLine="1"/>
    </xf>
    <xf numFmtId="176" fontId="4" fillId="0" borderId="75" xfId="4" applyNumberFormat="1" applyFont="1" applyBorder="1" applyAlignment="1">
      <alignment horizontal="distributed" vertical="center" justifyLastLine="1"/>
    </xf>
    <xf numFmtId="176" fontId="4" fillId="0" borderId="70" xfId="4" applyNumberFormat="1" applyFont="1" applyBorder="1" applyAlignment="1">
      <alignment horizontal="distributed" vertical="center" wrapText="1"/>
    </xf>
    <xf numFmtId="176" fontId="4" fillId="0" borderId="56" xfId="4" applyNumberFormat="1" applyFont="1" applyBorder="1" applyAlignment="1">
      <alignment horizontal="distributed" vertical="center" wrapText="1"/>
    </xf>
    <xf numFmtId="176" fontId="4" fillId="0" borderId="55" xfId="4" applyNumberFormat="1" applyFont="1" applyBorder="1" applyAlignment="1">
      <alignment horizontal="distributed" vertical="center" wrapText="1"/>
    </xf>
    <xf numFmtId="176" fontId="4" fillId="0" borderId="22" xfId="4" applyNumberFormat="1" applyFont="1" applyBorder="1" applyAlignment="1">
      <alignment horizontal="distributed" vertical="center" wrapText="1"/>
    </xf>
    <xf numFmtId="176" fontId="4" fillId="0" borderId="0" xfId="4" applyNumberFormat="1" applyFont="1" applyAlignment="1">
      <alignment horizontal="distributed" vertical="center" wrapText="1"/>
    </xf>
    <xf numFmtId="176" fontId="4" fillId="0" borderId="53" xfId="4" applyNumberFormat="1" applyFont="1" applyBorder="1" applyAlignment="1">
      <alignment horizontal="distributed" vertical="center" wrapText="1"/>
    </xf>
    <xf numFmtId="176" fontId="4" fillId="0" borderId="28" xfId="4" applyNumberFormat="1" applyFont="1" applyBorder="1" applyAlignment="1">
      <alignment horizontal="distributed" vertical="center" wrapText="1"/>
    </xf>
    <xf numFmtId="176" fontId="4" fillId="0" borderId="35" xfId="4" applyNumberFormat="1" applyFont="1" applyBorder="1" applyAlignment="1">
      <alignment horizontal="distributed" vertical="center" wrapText="1"/>
    </xf>
    <xf numFmtId="176" fontId="4" fillId="0" borderId="77" xfId="4" applyNumberFormat="1" applyFont="1" applyBorder="1" applyAlignment="1">
      <alignment horizontal="distributed" vertical="center" wrapText="1"/>
    </xf>
    <xf numFmtId="176" fontId="4" fillId="0" borderId="11" xfId="4" applyNumberFormat="1" applyFont="1" applyBorder="1" applyAlignment="1">
      <alignment horizontal="center" vertical="center"/>
    </xf>
    <xf numFmtId="0" fontId="4" fillId="0" borderId="55" xfId="4" applyFont="1" applyBorder="1" applyAlignment="1">
      <alignment horizontal="distributed" vertical="center" wrapText="1"/>
    </xf>
    <xf numFmtId="0" fontId="4" fillId="0" borderId="53" xfId="4" applyFont="1" applyBorder="1" applyAlignment="1">
      <alignment horizontal="distributed" vertical="center" wrapText="1"/>
    </xf>
    <xf numFmtId="176" fontId="4" fillId="0" borderId="9" xfId="4" applyNumberFormat="1" applyFont="1" applyBorder="1" applyAlignment="1">
      <alignment horizontal="center" vertical="center" wrapText="1"/>
    </xf>
    <xf numFmtId="176" fontId="4" fillId="0" borderId="4" xfId="4" applyNumberFormat="1" applyFont="1" applyBorder="1" applyAlignment="1">
      <alignment horizontal="center" vertical="center"/>
    </xf>
    <xf numFmtId="176" fontId="4" fillId="0" borderId="70" xfId="4" applyNumberFormat="1" applyFont="1" applyBorder="1" applyAlignment="1">
      <alignment horizontal="center" vertical="center" wrapText="1"/>
    </xf>
    <xf numFmtId="176" fontId="4" fillId="0" borderId="56" xfId="4" applyNumberFormat="1" applyFont="1" applyBorder="1" applyAlignment="1">
      <alignment horizontal="center" vertical="center" wrapText="1"/>
    </xf>
    <xf numFmtId="176" fontId="4" fillId="0" borderId="55" xfId="4" applyNumberFormat="1" applyFont="1" applyBorder="1" applyAlignment="1">
      <alignment horizontal="center" vertical="center" wrapText="1"/>
    </xf>
    <xf numFmtId="0" fontId="4" fillId="0" borderId="36" xfId="4" applyFont="1" applyBorder="1" applyAlignment="1">
      <alignment horizontal="center" vertical="center" wrapText="1"/>
    </xf>
    <xf numFmtId="0" fontId="4" fillId="0" borderId="5" xfId="4" applyFont="1" applyBorder="1" applyAlignment="1">
      <alignment horizontal="center" vertical="center" wrapText="1"/>
    </xf>
    <xf numFmtId="176" fontId="4" fillId="0" borderId="41" xfId="4" applyNumberFormat="1" applyFont="1" applyBorder="1" applyAlignment="1">
      <alignment horizontal="center" vertical="center"/>
    </xf>
    <xf numFmtId="176" fontId="5" fillId="0" borderId="13" xfId="4" applyNumberFormat="1" applyFont="1" applyBorder="1" applyAlignment="1">
      <alignment horizontal="distributed" vertical="center"/>
    </xf>
    <xf numFmtId="176" fontId="5" fillId="0" borderId="2" xfId="4" applyNumberFormat="1" applyFont="1" applyBorder="1" applyAlignment="1">
      <alignment horizontal="distributed" vertical="center"/>
    </xf>
    <xf numFmtId="176" fontId="5" fillId="0" borderId="18" xfId="4" applyNumberFormat="1" applyFont="1" applyBorder="1" applyAlignment="1">
      <alignment horizontal="center" vertical="center" wrapText="1"/>
    </xf>
    <xf numFmtId="0" fontId="2" fillId="0" borderId="1" xfId="4" applyFont="1" applyBorder="1" applyAlignment="1">
      <alignment horizontal="center" vertical="center" wrapText="1"/>
    </xf>
    <xf numFmtId="176" fontId="4" fillId="0" borderId="41" xfId="4" applyNumberFormat="1" applyFont="1" applyBorder="1" applyAlignment="1">
      <alignment horizontal="center" vertical="center" shrinkToFit="1"/>
    </xf>
    <xf numFmtId="176" fontId="8" fillId="0" borderId="41" xfId="4" applyNumberFormat="1" applyFont="1" applyBorder="1" applyAlignment="1">
      <alignment horizontal="center" vertical="center" wrapText="1" justifyLastLine="1"/>
    </xf>
    <xf numFmtId="176" fontId="4" fillId="0" borderId="41" xfId="4" applyNumberFormat="1" applyFont="1" applyBorder="1" applyAlignment="1">
      <alignment horizontal="center" vertical="center" wrapText="1" shrinkToFit="1"/>
    </xf>
    <xf numFmtId="176" fontId="5" fillId="0" borderId="38" xfId="4" applyNumberFormat="1" applyFont="1" applyBorder="1" applyAlignment="1">
      <alignment horizontal="distributed" vertical="center" indent="2"/>
    </xf>
    <xf numFmtId="176" fontId="5" fillId="0" borderId="17" xfId="4" applyNumberFormat="1" applyFont="1" applyBorder="1" applyAlignment="1">
      <alignment horizontal="distributed" vertical="center" indent="2"/>
    </xf>
    <xf numFmtId="176" fontId="5" fillId="0" borderId="39" xfId="4" applyNumberFormat="1" applyFont="1" applyBorder="1" applyAlignment="1">
      <alignment horizontal="distributed" vertical="center" indent="2"/>
    </xf>
    <xf numFmtId="176" fontId="5" fillId="0" borderId="58" xfId="4" applyNumberFormat="1" applyFont="1" applyBorder="1" applyAlignment="1">
      <alignment horizontal="distributed" vertical="center" justifyLastLine="1"/>
    </xf>
    <xf numFmtId="176" fontId="5" fillId="0" borderId="16" xfId="4" applyNumberFormat="1" applyFont="1" applyBorder="1" applyAlignment="1">
      <alignment horizontal="distributed" vertical="center"/>
    </xf>
    <xf numFmtId="176" fontId="5" fillId="0" borderId="5" xfId="4" applyNumberFormat="1" applyFont="1" applyBorder="1" applyAlignment="1">
      <alignment horizontal="distributed" vertical="center"/>
    </xf>
    <xf numFmtId="176" fontId="5" fillId="0" borderId="13" xfId="4" applyNumberFormat="1" applyFont="1" applyBorder="1" applyAlignment="1">
      <alignment horizontal="center" vertical="center"/>
    </xf>
    <xf numFmtId="176" fontId="5" fillId="0" borderId="2" xfId="4" applyNumberFormat="1" applyFont="1" applyBorder="1" applyAlignment="1">
      <alignment horizontal="center" vertical="center"/>
    </xf>
    <xf numFmtId="176" fontId="5" fillId="0" borderId="13" xfId="4" applyNumberFormat="1" applyFont="1" applyBorder="1" applyAlignment="1">
      <alignment horizontal="distributed" vertical="center" wrapText="1"/>
    </xf>
    <xf numFmtId="176" fontId="5" fillId="0" borderId="38" xfId="4" applyNumberFormat="1" applyFont="1" applyBorder="1" applyAlignment="1">
      <alignment horizontal="distributed" vertical="center" wrapText="1"/>
    </xf>
    <xf numFmtId="176" fontId="5" fillId="0" borderId="39" xfId="4" applyNumberFormat="1" applyFont="1" applyBorder="1" applyAlignment="1">
      <alignment horizontal="distributed" vertical="center" wrapText="1"/>
    </xf>
    <xf numFmtId="176" fontId="5" fillId="0" borderId="1" xfId="4" applyNumberFormat="1" applyFont="1" applyBorder="1" applyAlignment="1">
      <alignment horizontal="center" vertical="center" wrapText="1"/>
    </xf>
    <xf numFmtId="176" fontId="5" fillId="0" borderId="2" xfId="4" applyNumberFormat="1" applyFont="1" applyBorder="1" applyAlignment="1">
      <alignment horizontal="distributed" vertical="center" wrapText="1"/>
    </xf>
    <xf numFmtId="176" fontId="5" fillId="0" borderId="58" xfId="4" applyNumberFormat="1" applyFont="1" applyBorder="1" applyAlignment="1">
      <alignment horizontal="center" vertical="center"/>
    </xf>
    <xf numFmtId="178" fontId="5" fillId="0" borderId="9" xfId="12" applyNumberFormat="1" applyFont="1" applyBorder="1" applyAlignment="1">
      <alignment horizontal="center" vertical="center"/>
    </xf>
    <xf numFmtId="178" fontId="5" fillId="0" borderId="4" xfId="12" applyNumberFormat="1" applyFont="1" applyBorder="1" applyAlignment="1">
      <alignment horizontal="center" vertical="center"/>
    </xf>
    <xf numFmtId="178" fontId="28" fillId="0" borderId="7" xfId="12" applyNumberFormat="1" applyFont="1" applyBorder="1" applyAlignment="1">
      <alignment horizontal="center" vertical="center"/>
    </xf>
    <xf numFmtId="0" fontId="31" fillId="0" borderId="2" xfId="12" applyFont="1" applyBorder="1" applyAlignment="1">
      <alignment horizontal="center" vertical="center"/>
    </xf>
    <xf numFmtId="0" fontId="30" fillId="0" borderId="2" xfId="12" applyFont="1" applyBorder="1" applyAlignment="1">
      <alignment horizontal="center" vertical="center"/>
    </xf>
    <xf numFmtId="178" fontId="27" fillId="0" borderId="6" xfId="12" applyNumberFormat="1" applyFont="1" applyBorder="1" applyAlignment="1">
      <alignment horizontal="center" vertical="center"/>
    </xf>
    <xf numFmtId="0" fontId="32" fillId="0" borderId="1" xfId="12" applyFont="1" applyBorder="1" applyAlignment="1">
      <alignment horizontal="center" vertical="center"/>
    </xf>
    <xf numFmtId="178" fontId="28" fillId="0" borderId="9" xfId="12" applyNumberFormat="1" applyFont="1" applyBorder="1" applyAlignment="1">
      <alignment horizontal="right" vertical="center"/>
    </xf>
    <xf numFmtId="178" fontId="28" fillId="0" borderId="4" xfId="12" applyNumberFormat="1" applyFont="1" applyBorder="1" applyAlignment="1">
      <alignment horizontal="right" vertical="center"/>
    </xf>
    <xf numFmtId="178" fontId="5" fillId="0" borderId="7" xfId="12" applyNumberFormat="1" applyFont="1" applyBorder="1" applyAlignment="1">
      <alignment horizontal="right" vertical="center"/>
    </xf>
    <xf numFmtId="178" fontId="5" fillId="0" borderId="2" xfId="12" applyNumberFormat="1" applyFont="1" applyBorder="1" applyAlignment="1">
      <alignment horizontal="right" vertical="center"/>
    </xf>
    <xf numFmtId="178" fontId="5" fillId="0" borderId="6" xfId="12" applyNumberFormat="1" applyFont="1" applyBorder="1" applyAlignment="1">
      <alignment horizontal="right" vertical="center"/>
    </xf>
    <xf numFmtId="0" fontId="1" fillId="0" borderId="1" xfId="12" applyBorder="1" applyAlignment="1">
      <alignment horizontal="right" vertical="center"/>
    </xf>
    <xf numFmtId="178" fontId="5" fillId="0" borderId="12" xfId="12" applyNumberFormat="1" applyFont="1" applyBorder="1" applyAlignment="1">
      <alignment horizontal="right" vertical="center"/>
    </xf>
    <xf numFmtId="178" fontId="5" fillId="0" borderId="1" xfId="12" applyNumberFormat="1" applyFont="1" applyBorder="1" applyAlignment="1">
      <alignment horizontal="right" vertical="center"/>
    </xf>
    <xf numFmtId="176" fontId="5" fillId="0" borderId="9" xfId="12" applyNumberFormat="1" applyFont="1" applyBorder="1" applyAlignment="1">
      <alignment horizontal="distributed" vertical="center" wrapText="1"/>
    </xf>
    <xf numFmtId="0" fontId="5" fillId="0" borderId="4" xfId="12" applyFont="1" applyBorder="1" applyAlignment="1">
      <alignment horizontal="distributed" vertical="center" wrapText="1"/>
    </xf>
    <xf numFmtId="176" fontId="5" fillId="2" borderId="9" xfId="12" applyNumberFormat="1" applyFont="1" applyFill="1" applyBorder="1" applyAlignment="1">
      <alignment horizontal="center" vertical="center"/>
    </xf>
    <xf numFmtId="0" fontId="1" fillId="0" borderId="4" xfId="12" applyBorder="1" applyAlignment="1">
      <alignment vertical="center"/>
    </xf>
    <xf numFmtId="178" fontId="28" fillId="0" borderId="10" xfId="12" applyNumberFormat="1" applyFont="1" applyBorder="1" applyAlignment="1">
      <alignment horizontal="center" vertical="center"/>
    </xf>
    <xf numFmtId="178" fontId="28" fillId="0" borderId="5" xfId="12" applyNumberFormat="1" applyFont="1" applyBorder="1" applyAlignment="1">
      <alignment horizontal="center" vertical="center"/>
    </xf>
    <xf numFmtId="178" fontId="28" fillId="0" borderId="2" xfId="12" applyNumberFormat="1" applyFont="1" applyBorder="1" applyAlignment="1">
      <alignment horizontal="center" vertical="center"/>
    </xf>
    <xf numFmtId="178" fontId="5" fillId="0" borderId="21" xfId="12" applyNumberFormat="1" applyFont="1" applyBorder="1" applyAlignment="1">
      <alignment horizontal="center" vertical="center"/>
    </xf>
    <xf numFmtId="178" fontId="5" fillId="0" borderId="2" xfId="12" applyNumberFormat="1" applyFont="1" applyBorder="1" applyAlignment="1">
      <alignment horizontal="center" vertical="center"/>
    </xf>
    <xf numFmtId="178" fontId="5" fillId="0" borderId="18" xfId="12" applyNumberFormat="1" applyFont="1" applyBorder="1" applyAlignment="1">
      <alignment horizontal="center" vertical="center"/>
    </xf>
    <xf numFmtId="178" fontId="5" fillId="0" borderId="1" xfId="12" applyNumberFormat="1" applyFont="1" applyBorder="1" applyAlignment="1">
      <alignment horizontal="center" vertical="center"/>
    </xf>
    <xf numFmtId="178" fontId="5" fillId="0" borderId="11" xfId="12" applyNumberFormat="1" applyFont="1" applyBorder="1" applyAlignment="1">
      <alignment horizontal="right" vertical="center"/>
    </xf>
    <xf numFmtId="178" fontId="5" fillId="0" borderId="4" xfId="12" applyNumberFormat="1" applyFont="1" applyBorder="1" applyAlignment="1">
      <alignment horizontal="right" vertical="center"/>
    </xf>
    <xf numFmtId="178" fontId="5" fillId="0" borderId="13" xfId="12" applyNumberFormat="1" applyFont="1" applyBorder="1" applyAlignment="1">
      <alignment horizontal="right" vertical="center"/>
    </xf>
    <xf numFmtId="178" fontId="5" fillId="0" borderId="21" xfId="12" applyNumberFormat="1" applyFont="1" applyBorder="1" applyAlignment="1">
      <alignment horizontal="right" vertical="center"/>
    </xf>
    <xf numFmtId="0" fontId="1" fillId="0" borderId="21" xfId="12" applyBorder="1" applyAlignment="1">
      <alignment horizontal="right" vertical="center"/>
    </xf>
    <xf numFmtId="0" fontId="1" fillId="0" borderId="18" xfId="12" applyBorder="1" applyAlignment="1">
      <alignment horizontal="right" vertical="center"/>
    </xf>
    <xf numFmtId="176" fontId="5" fillId="0" borderId="9" xfId="12" applyNumberFormat="1" applyFont="1" applyBorder="1" applyAlignment="1">
      <alignment horizontal="distributed" vertical="center" shrinkToFit="1"/>
    </xf>
    <xf numFmtId="176" fontId="5" fillId="0" borderId="11" xfId="12" applyNumberFormat="1" applyFont="1" applyBorder="1" applyAlignment="1">
      <alignment horizontal="distributed" vertical="center" shrinkToFit="1"/>
    </xf>
    <xf numFmtId="176" fontId="5" fillId="0" borderId="4" xfId="12" applyNumberFormat="1" applyFont="1" applyBorder="1" applyAlignment="1">
      <alignment horizontal="distributed" vertical="center" shrinkToFit="1"/>
    </xf>
    <xf numFmtId="176" fontId="5" fillId="2" borderId="11" xfId="12" applyNumberFormat="1" applyFont="1" applyFill="1" applyBorder="1" applyAlignment="1">
      <alignment horizontal="center" vertical="center"/>
    </xf>
    <xf numFmtId="176" fontId="5" fillId="2" borderId="4" xfId="12" applyNumberFormat="1" applyFont="1" applyFill="1" applyBorder="1" applyAlignment="1">
      <alignment horizontal="center" vertical="center"/>
    </xf>
    <xf numFmtId="178" fontId="28" fillId="0" borderId="36" xfId="12" applyNumberFormat="1" applyFont="1" applyBorder="1" applyAlignment="1">
      <alignment horizontal="center" vertical="center"/>
    </xf>
    <xf numFmtId="0" fontId="1" fillId="0" borderId="2" xfId="12" applyBorder="1" applyAlignment="1">
      <alignment horizontal="center" vertical="center"/>
    </xf>
    <xf numFmtId="178" fontId="5" fillId="0" borderId="19" xfId="12" applyNumberFormat="1" applyFont="1" applyBorder="1" applyAlignment="1">
      <alignment horizontal="center" vertical="center"/>
    </xf>
    <xf numFmtId="0" fontId="1" fillId="0" borderId="60" xfId="12" applyBorder="1" applyAlignment="1">
      <alignment horizontal="center" vertical="center"/>
    </xf>
    <xf numFmtId="178" fontId="5" fillId="0" borderId="15" xfId="12" applyNumberFormat="1" applyFont="1" applyBorder="1" applyAlignment="1">
      <alignment horizontal="right" vertical="center"/>
    </xf>
    <xf numFmtId="0" fontId="1" fillId="0" borderId="2" xfId="12" applyBorder="1" applyAlignment="1">
      <alignment horizontal="right" vertical="center"/>
    </xf>
    <xf numFmtId="176" fontId="5" fillId="0" borderId="9" xfId="12" applyNumberFormat="1" applyFont="1" applyBorder="1" applyAlignment="1">
      <alignment horizontal="distributed" vertical="distributed" wrapText="1"/>
    </xf>
    <xf numFmtId="0" fontId="5" fillId="0" borderId="11" xfId="12" applyFont="1" applyBorder="1" applyAlignment="1">
      <alignment horizontal="distributed" vertical="distributed" wrapText="1"/>
    </xf>
    <xf numFmtId="0" fontId="5" fillId="0" borderId="4" xfId="12" applyFont="1" applyBorder="1" applyAlignment="1">
      <alignment horizontal="distributed" vertical="distributed" wrapText="1"/>
    </xf>
    <xf numFmtId="0" fontId="30" fillId="0" borderId="5" xfId="12" applyFont="1" applyBorder="1" applyAlignment="1">
      <alignment horizontal="center" vertical="center"/>
    </xf>
    <xf numFmtId="178" fontId="5" fillId="0" borderId="13" xfId="12" applyNumberFormat="1" applyFont="1" applyBorder="1" applyAlignment="1">
      <alignment horizontal="center" vertical="center"/>
    </xf>
    <xf numFmtId="178" fontId="5" fillId="0" borderId="12" xfId="12" applyNumberFormat="1" applyFont="1" applyBorder="1" applyAlignment="1">
      <alignment horizontal="center" vertical="center"/>
    </xf>
    <xf numFmtId="0" fontId="1" fillId="0" borderId="1" xfId="12" applyBorder="1" applyAlignment="1">
      <alignment horizontal="center" vertical="center"/>
    </xf>
    <xf numFmtId="176" fontId="5" fillId="0" borderId="11" xfId="12" applyNumberFormat="1" applyFont="1" applyBorder="1" applyAlignment="1">
      <alignment horizontal="distributed" vertical="center"/>
    </xf>
    <xf numFmtId="176" fontId="5" fillId="0" borderId="4" xfId="12" applyNumberFormat="1" applyFont="1" applyBorder="1" applyAlignment="1">
      <alignment horizontal="distributed" vertical="center"/>
    </xf>
    <xf numFmtId="176" fontId="5" fillId="2" borderId="15" xfId="12" applyNumberFormat="1" applyFont="1" applyFill="1" applyBorder="1" applyAlignment="1">
      <alignment horizontal="center" vertical="center"/>
    </xf>
    <xf numFmtId="178" fontId="5" fillId="0" borderId="16" xfId="12" applyNumberFormat="1" applyFont="1" applyBorder="1" applyAlignment="1">
      <alignment horizontal="center" vertical="center"/>
    </xf>
    <xf numFmtId="0" fontId="1" fillId="0" borderId="5" xfId="12" applyBorder="1" applyAlignment="1">
      <alignment horizontal="center" vertical="center"/>
    </xf>
    <xf numFmtId="178" fontId="28" fillId="0" borderId="16" xfId="12" applyNumberFormat="1" applyFont="1" applyBorder="1" applyAlignment="1">
      <alignment horizontal="center" vertical="center"/>
    </xf>
    <xf numFmtId="0" fontId="5" fillId="0" borderId="11" xfId="12" applyFont="1" applyBorder="1" applyAlignment="1">
      <alignment horizontal="center" vertical="center" wrapText="1"/>
    </xf>
    <xf numFmtId="176" fontId="5" fillId="0" borderId="21" xfId="12" applyNumberFormat="1" applyFont="1" applyBorder="1" applyAlignment="1">
      <alignment horizontal="center" vertical="center" wrapText="1"/>
    </xf>
    <xf numFmtId="176" fontId="5" fillId="0" borderId="18" xfId="12" applyNumberFormat="1" applyFont="1" applyBorder="1" applyAlignment="1">
      <alignment horizontal="center" vertical="center" wrapText="1"/>
    </xf>
    <xf numFmtId="176" fontId="5" fillId="0" borderId="18" xfId="12" applyNumberFormat="1" applyFont="1" applyBorder="1" applyAlignment="1">
      <alignment horizontal="center" vertical="center"/>
    </xf>
    <xf numFmtId="176" fontId="5" fillId="0" borderId="9" xfId="12" applyNumberFormat="1" applyFont="1" applyBorder="1" applyAlignment="1">
      <alignment horizontal="center" vertical="center" wrapText="1"/>
    </xf>
    <xf numFmtId="0" fontId="1" fillId="0" borderId="11" xfId="12" applyBorder="1" applyAlignment="1">
      <alignment horizontal="center" vertical="center" wrapText="1"/>
    </xf>
    <xf numFmtId="0" fontId="1" fillId="0" borderId="4" xfId="12" applyBorder="1" applyAlignment="1">
      <alignment horizontal="center" vertical="center" wrapText="1"/>
    </xf>
    <xf numFmtId="0" fontId="5" fillId="0" borderId="48" xfId="12" applyFont="1" applyBorder="1" applyAlignment="1">
      <alignment horizontal="center" vertical="center"/>
    </xf>
    <xf numFmtId="0" fontId="5" fillId="0" borderId="58" xfId="12" applyFont="1" applyBorder="1" applyAlignment="1">
      <alignment horizontal="center" vertical="center"/>
    </xf>
    <xf numFmtId="0" fontId="5" fillId="0" borderId="45" xfId="12" applyFont="1" applyBorder="1" applyAlignment="1">
      <alignment horizontal="center" vertical="center"/>
    </xf>
    <xf numFmtId="176" fontId="5" fillId="0" borderId="57" xfId="12" applyNumberFormat="1" applyFont="1" applyBorder="1" applyAlignment="1">
      <alignment horizontal="center" vertical="center"/>
    </xf>
    <xf numFmtId="0" fontId="2" fillId="0" borderId="56" xfId="12" applyFont="1" applyBorder="1" applyAlignment="1">
      <alignment horizontal="center" vertical="center"/>
    </xf>
    <xf numFmtId="0" fontId="2" fillId="0" borderId="55" xfId="12" applyFont="1" applyBorder="1" applyAlignment="1">
      <alignment horizontal="center" vertical="center"/>
    </xf>
    <xf numFmtId="176" fontId="5" fillId="0" borderId="42" xfId="12" applyNumberFormat="1" applyFont="1" applyBorder="1" applyAlignment="1">
      <alignment horizontal="center" vertical="center"/>
    </xf>
    <xf numFmtId="0" fontId="2" fillId="0" borderId="17" xfId="12" applyFont="1" applyBorder="1" applyAlignment="1">
      <alignment horizontal="center" vertical="center"/>
    </xf>
    <xf numFmtId="176" fontId="5" fillId="0" borderId="38" xfId="12" applyNumberFormat="1" applyFont="1" applyBorder="1" applyAlignment="1">
      <alignment horizontal="center" vertical="center"/>
    </xf>
    <xf numFmtId="0" fontId="2" fillId="0" borderId="39" xfId="12" applyFont="1" applyBorder="1" applyAlignment="1">
      <alignment horizontal="center" vertical="center"/>
    </xf>
    <xf numFmtId="176" fontId="5" fillId="0" borderId="17" xfId="12" applyNumberFormat="1" applyFont="1" applyBorder="1" applyAlignment="1">
      <alignment horizontal="center" vertical="center"/>
    </xf>
    <xf numFmtId="176" fontId="5" fillId="0" borderId="19" xfId="12" applyNumberFormat="1" applyFont="1" applyBorder="1" applyAlignment="1">
      <alignment horizontal="center" vertical="center"/>
    </xf>
    <xf numFmtId="0" fontId="2" fillId="0" borderId="0" xfId="12" applyFont="1" applyAlignment="1">
      <alignment horizontal="center" vertical="center"/>
    </xf>
    <xf numFmtId="0" fontId="2" fillId="0" borderId="53" xfId="12" applyFont="1" applyBorder="1" applyAlignment="1">
      <alignment horizontal="center" vertical="center"/>
    </xf>
    <xf numFmtId="176" fontId="8" fillId="0" borderId="13" xfId="12" applyNumberFormat="1" applyFont="1" applyBorder="1" applyAlignment="1">
      <alignment horizontal="center" vertical="center" textRotation="255" shrinkToFit="1"/>
    </xf>
    <xf numFmtId="0" fontId="26" fillId="0" borderId="21" xfId="12" applyFont="1" applyBorder="1" applyAlignment="1">
      <alignment horizontal="center" vertical="center" textRotation="255" shrinkToFit="1"/>
    </xf>
    <xf numFmtId="0" fontId="26" fillId="0" borderId="2" xfId="12" applyFont="1" applyBorder="1" applyAlignment="1">
      <alignment horizontal="center" vertical="center" textRotation="255" shrinkToFit="1"/>
    </xf>
    <xf numFmtId="0" fontId="5" fillId="0" borderId="13" xfId="12" applyFont="1" applyBorder="1" applyAlignment="1">
      <alignment horizontal="center" vertical="distributed" wrapText="1"/>
    </xf>
    <xf numFmtId="0" fontId="2" fillId="0" borderId="21" xfId="12" applyFont="1" applyBorder="1" applyAlignment="1">
      <alignment horizontal="center" vertical="distributed" wrapText="1"/>
    </xf>
    <xf numFmtId="0" fontId="2" fillId="0" borderId="2" xfId="12" applyFont="1" applyBorder="1" applyAlignment="1">
      <alignment horizontal="center" vertical="distributed" wrapText="1"/>
    </xf>
    <xf numFmtId="0" fontId="5" fillId="0" borderId="13" xfId="12" applyFont="1" applyBorder="1" applyAlignment="1">
      <alignment horizontal="center" vertical="distributed" textRotation="255"/>
    </xf>
    <xf numFmtId="0" fontId="8" fillId="0" borderId="21" xfId="12" applyFont="1" applyBorder="1" applyAlignment="1">
      <alignment horizontal="center" vertical="distributed" textRotation="255"/>
    </xf>
    <xf numFmtId="0" fontId="8" fillId="0" borderId="2" xfId="12" applyFont="1" applyBorder="1" applyAlignment="1">
      <alignment horizontal="center" vertical="distributed" textRotation="255"/>
    </xf>
    <xf numFmtId="0" fontId="5" fillId="0" borderId="12" xfId="12" applyFont="1" applyBorder="1" applyAlignment="1">
      <alignment horizontal="center" vertical="distributed" textRotation="255"/>
    </xf>
    <xf numFmtId="0" fontId="5" fillId="0" borderId="18" xfId="12" applyFont="1" applyBorder="1" applyAlignment="1">
      <alignment horizontal="center" vertical="distributed" textRotation="255"/>
    </xf>
    <xf numFmtId="0" fontId="5" fillId="0" borderId="1" xfId="12" applyFont="1" applyBorder="1" applyAlignment="1">
      <alignment horizontal="center" vertical="distributed" textRotation="255"/>
    </xf>
    <xf numFmtId="0" fontId="29" fillId="0" borderId="9" xfId="0" applyFont="1" applyBorder="1" applyAlignment="1">
      <alignment horizontal="left" vertical="center" wrapText="1"/>
    </xf>
    <xf numFmtId="0" fontId="29" fillId="0" borderId="11" xfId="0" applyFont="1" applyBorder="1" applyAlignment="1">
      <alignment horizontal="left" vertical="center" wrapText="1"/>
    </xf>
    <xf numFmtId="0" fontId="29" fillId="0" borderId="4" xfId="0" applyFont="1" applyBorder="1" applyAlignment="1">
      <alignment horizontal="left" vertical="center" wrapText="1"/>
    </xf>
    <xf numFmtId="0" fontId="28" fillId="0" borderId="11" xfId="0" applyFont="1" applyBorder="1" applyAlignment="1">
      <alignment horizontal="distributed" vertical="center" wrapText="1"/>
    </xf>
    <xf numFmtId="0" fontId="0" fillId="0" borderId="11" xfId="0" applyBorder="1" applyAlignment="1">
      <alignment horizontal="distributed" vertical="center" wrapText="1"/>
    </xf>
    <xf numFmtId="0" fontId="28" fillId="0" borderId="9" xfId="0" applyFont="1" applyBorder="1" applyAlignment="1">
      <alignment horizontal="center" vertical="center"/>
    </xf>
    <xf numFmtId="0" fontId="0" fillId="0" borderId="11" xfId="0" applyBorder="1">
      <alignment vertical="center"/>
    </xf>
    <xf numFmtId="0" fontId="0" fillId="0" borderId="4" xfId="0" applyBorder="1">
      <alignment vertical="center"/>
    </xf>
    <xf numFmtId="0" fontId="28" fillId="0" borderId="11" xfId="0" applyFont="1" applyBorder="1" applyAlignment="1">
      <alignment horizontal="center" vertical="center"/>
    </xf>
    <xf numFmtId="0" fontId="0" fillId="0" borderId="11" xfId="0" applyBorder="1" applyAlignment="1">
      <alignment horizontal="center" vertical="center"/>
    </xf>
    <xf numFmtId="176" fontId="5" fillId="0" borderId="9" xfId="4" applyNumberFormat="1" applyFont="1" applyBorder="1" applyAlignment="1">
      <alignment horizontal="center" vertical="center"/>
    </xf>
    <xf numFmtId="176" fontId="5" fillId="0" borderId="11" xfId="4" applyNumberFormat="1" applyFont="1" applyBorder="1" applyAlignment="1">
      <alignment horizontal="center" vertical="center"/>
    </xf>
    <xf numFmtId="0" fontId="34" fillId="0" borderId="4" xfId="0" applyFont="1" applyBorder="1">
      <alignment vertical="center"/>
    </xf>
    <xf numFmtId="176" fontId="5" fillId="0" borderId="9" xfId="4" applyNumberFormat="1" applyFont="1" applyBorder="1" applyAlignment="1">
      <alignment horizontal="center" vertical="center" wrapText="1"/>
    </xf>
    <xf numFmtId="0" fontId="34" fillId="0" borderId="11" xfId="0" applyFont="1" applyBorder="1" applyAlignment="1">
      <alignment horizontal="center" vertical="center" wrapText="1"/>
    </xf>
    <xf numFmtId="0" fontId="5" fillId="0" borderId="11" xfId="4" applyFont="1" applyBorder="1" applyAlignment="1">
      <alignment horizontal="distributed" vertical="center" wrapText="1"/>
    </xf>
    <xf numFmtId="0" fontId="5" fillId="0" borderId="22" xfId="4" applyFont="1" applyBorder="1" applyAlignment="1">
      <alignment horizontal="center" vertical="center" wrapText="1"/>
    </xf>
    <xf numFmtId="0" fontId="34" fillId="0" borderId="61" xfId="0" applyFont="1" applyBorder="1" applyAlignment="1">
      <alignment horizontal="center" vertical="center"/>
    </xf>
  </cellXfs>
  <cellStyles count="14">
    <cellStyle name="パーセント 2" xfId="7" xr:uid="{00000000-0005-0000-0000-000000000000}"/>
    <cellStyle name="桁区切り 2" xfId="6" xr:uid="{00000000-0005-0000-0000-000001000000}"/>
    <cellStyle name="桁区切り 3" xfId="13" xr:uid="{AA10EB8A-EA35-4C33-829E-0242B9676992}"/>
    <cellStyle name="通貨 2" xfId="3" xr:uid="{00000000-0005-0000-0000-000002000000}"/>
    <cellStyle name="標準" xfId="0" builtinId="0"/>
    <cellStyle name="標準 2" xfId="1" xr:uid="{00000000-0005-0000-0000-000004000000}"/>
    <cellStyle name="標準 2 2" xfId="9" xr:uid="{00000000-0005-0000-0000-000005000000}"/>
    <cellStyle name="標準 3" xfId="5" xr:uid="{00000000-0005-0000-0000-000006000000}"/>
    <cellStyle name="標準 4" xfId="8" xr:uid="{00000000-0005-0000-0000-000007000000}"/>
    <cellStyle name="標準 5" xfId="10" xr:uid="{00000000-0005-0000-0000-000008000000}"/>
    <cellStyle name="標準_○(019-023)Ⅰ 一般廃棄物処理事業の概要(H21-2)" xfId="12" xr:uid="{78C35953-3889-423B-870C-AD4C8B476A13}"/>
    <cellStyle name="標準_○(61-89)07_Ⅲ ごみ処理状況(H18)" xfId="11" xr:uid="{6E6758EC-071A-4B51-AEF2-12D3EB5CD81B}"/>
    <cellStyle name="標準_○(61-89)07_Ⅲ ごみ処理状況(H19).xls" xfId="4" xr:uid="{00000000-0005-0000-0000-000009000000}"/>
    <cellStyle name="標準_新○(61-89)07_Ⅲ ごみ処理状況(H19).xls" xfId="2" xr:uid="{00000000-0005-0000-0000-00000A000000}"/>
  </cellStyles>
  <dxfs count="32">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8" formatCode="&quot;-&quot;"/>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fill>
        <patternFill>
          <bgColor indexed="10"/>
        </patternFill>
      </fill>
    </dxf>
    <dxf>
      <fill>
        <patternFill>
          <bgColor indexed="10"/>
        </patternFill>
      </fill>
    </dxf>
    <dxf>
      <numFmt numFmtId="187" formatCode="\-"/>
    </dxf>
    <dxf>
      <fill>
        <patternFill>
          <bgColor indexed="10"/>
        </patternFill>
      </fill>
    </dxf>
    <dxf>
      <numFmt numFmtId="187" formatCode="\-"/>
    </dxf>
    <dxf>
      <font>
        <b val="0"/>
        <i val="0"/>
      </font>
      <fill>
        <patternFill>
          <bgColor rgb="FFFF0000"/>
        </patternFill>
      </fill>
    </dxf>
    <dxf>
      <font>
        <color theme="0"/>
      </font>
      <fill>
        <patternFill patternType="none">
          <bgColor indexed="65"/>
        </patternFill>
      </fill>
    </dxf>
  </dxfs>
  <tableStyles count="0" defaultTableStyle="TableStyleMedium9" defaultPivotStyle="PivotStyleLight16"/>
  <colors>
    <mruColors>
      <color rgb="FFDDDDDD"/>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externalLink" Target="externalLinks/externalLink2.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66675</xdr:colOff>
      <xdr:row>41</xdr:row>
      <xdr:rowOff>0</xdr:rowOff>
    </xdr:from>
    <xdr:to>
      <xdr:col>3</xdr:col>
      <xdr:colOff>285750</xdr:colOff>
      <xdr:row>41</xdr:row>
      <xdr:rowOff>0</xdr:rowOff>
    </xdr:to>
    <xdr:sp macro="" textlink="">
      <xdr:nvSpPr>
        <xdr:cNvPr id="2" name="Text Box 1">
          <a:extLst>
            <a:ext uri="{FF2B5EF4-FFF2-40B4-BE49-F238E27FC236}">
              <a16:creationId xmlns:a16="http://schemas.microsoft.com/office/drawing/2014/main" id="{00000000-0008-0000-0000-000002000000}"/>
            </a:ext>
          </a:extLst>
        </xdr:cNvPr>
        <xdr:cNvSpPr txBox="1">
          <a:spLocks noChangeArrowheads="1"/>
        </xdr:cNvSpPr>
      </xdr:nvSpPr>
      <xdr:spPr bwMode="auto">
        <a:xfrm>
          <a:off x="2124075" y="7419975"/>
          <a:ext cx="2190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明朝"/>
              <a:ea typeface="ＭＳ Ｐ明朝"/>
            </a:rPr>
            <a:t>＊</a:t>
          </a:r>
        </a:p>
      </xdr:txBody>
    </xdr:sp>
    <xdr:clientData/>
  </xdr:twoCellAnchor>
  <xdr:twoCellAnchor>
    <xdr:from>
      <xdr:col>3</xdr:col>
      <xdr:colOff>66675</xdr:colOff>
      <xdr:row>41</xdr:row>
      <xdr:rowOff>0</xdr:rowOff>
    </xdr:from>
    <xdr:to>
      <xdr:col>3</xdr:col>
      <xdr:colOff>285750</xdr:colOff>
      <xdr:row>41</xdr:row>
      <xdr:rowOff>0</xdr:rowOff>
    </xdr:to>
    <xdr:sp macro="" textlink="">
      <xdr:nvSpPr>
        <xdr:cNvPr id="3" name="Text Box 2">
          <a:extLst>
            <a:ext uri="{FF2B5EF4-FFF2-40B4-BE49-F238E27FC236}">
              <a16:creationId xmlns:a16="http://schemas.microsoft.com/office/drawing/2014/main" id="{00000000-0008-0000-0000-000003000000}"/>
            </a:ext>
          </a:extLst>
        </xdr:cNvPr>
        <xdr:cNvSpPr txBox="1">
          <a:spLocks noChangeArrowheads="1"/>
        </xdr:cNvSpPr>
      </xdr:nvSpPr>
      <xdr:spPr bwMode="auto">
        <a:xfrm>
          <a:off x="2124075" y="7419975"/>
          <a:ext cx="2190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明朝"/>
              <a:ea typeface="ＭＳ Ｐ明朝"/>
            </a:rPr>
            <a:t>＊</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I:\20%20&#29677;&#26989;&#21209;\10%20&#27010;&#35201;\H24\H24&#27010;&#35201;&#12539;&#20316;&#25104;&#12501;&#12449;&#12452;&#12523;\&#20107;&#26989;&#20307;&#21046;(&#65297;&#34892;&#12487;&#12540;&#12479;&#20316;&#25104;).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0504\20%20&#29677;&#26989;&#21209;\10%20&#27010;&#35201;\H24\H24&#27010;&#35201;&#12539;&#20316;&#25104;&#12501;&#12449;&#12452;&#12523;\&#20107;&#26989;&#20307;&#21046;(&#65297;&#34892;&#12487;&#12540;&#12479;&#20316;&#2510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表紙"/>
      <sheetName val="03、04表"/>
      <sheetName val="05、06、07表"/>
      <sheetName val="12表"/>
      <sheetName val="市町村"/>
      <sheetName val="従事職員数(03表)"/>
      <sheetName val="業者数(05･06表)"/>
      <sheetName val="実施形態(12表)"/>
    </sheetNames>
    <sheetDataSet>
      <sheetData sheetId="0">
        <row r="12">
          <cell r="M12" t="str">
            <v>14840</v>
          </cell>
        </row>
      </sheetData>
      <sheetData sheetId="1"/>
      <sheetData sheetId="2"/>
      <sheetData sheetId="3"/>
      <sheetData sheetId="4"/>
      <sheetData sheetId="5" refreshError="1"/>
      <sheetData sheetId="6" refreshError="1"/>
      <sheetData sheetId="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表紙"/>
      <sheetName val="03、04表"/>
      <sheetName val="05、06、07表"/>
      <sheetName val="12表"/>
      <sheetName val="市町村"/>
      <sheetName val="従事職員数(03表)"/>
      <sheetName val="業者数(05･06表)"/>
      <sheetName val="実施形態(12表)"/>
    </sheetNames>
    <sheetDataSet>
      <sheetData sheetId="0">
        <row r="12">
          <cell r="M12" t="str">
            <v>14840</v>
          </cell>
        </row>
      </sheetData>
      <sheetData sheetId="1"/>
      <sheetData sheetId="2"/>
      <sheetData sheetId="3"/>
      <sheetData sheetId="4"/>
      <sheetData sheetId="5" refreshError="1"/>
      <sheetData sheetId="6" refreshError="1"/>
      <sheetData sheetId="7"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6D254A-8FFD-452E-A227-B066B2E77535}">
  <sheetPr codeName="Sheet6">
    <pageSetUpPr fitToPage="1"/>
  </sheetPr>
  <dimension ref="A1:AE62"/>
  <sheetViews>
    <sheetView showOutlineSymbols="0" zoomScaleNormal="100" zoomScaleSheetLayoutView="100" workbookViewId="0">
      <pane xSplit="1" ySplit="8" topLeftCell="B9" activePane="bottomRight" state="frozen"/>
      <selection sqref="A1:IV65536"/>
      <selection pane="topRight" sqref="A1:IV65536"/>
      <selection pane="bottomLeft" sqref="A1:IV65536"/>
      <selection pane="bottomRight" activeCell="AF7" sqref="AF7"/>
    </sheetView>
  </sheetViews>
  <sheetFormatPr defaultRowHeight="16.5" customHeight="1" outlineLevelRow="2" x14ac:dyDescent="0.15"/>
  <cols>
    <col min="1" max="1" width="11.125" style="863" customWidth="1"/>
    <col min="2" max="7" width="2.375" style="687" customWidth="1"/>
    <col min="8" max="8" width="6" style="687" customWidth="1"/>
    <col min="9" max="14" width="2.375" style="687" customWidth="1"/>
    <col min="15" max="15" width="2.5" style="687" customWidth="1"/>
    <col min="16" max="24" width="2.375" style="687" customWidth="1"/>
    <col min="25" max="26" width="2.375" style="864" customWidth="1"/>
    <col min="27" max="29" width="2.375" style="687" customWidth="1"/>
    <col min="30" max="31" width="5.625" style="687" customWidth="1"/>
    <col min="32" max="251" width="9" style="687"/>
    <col min="252" max="252" width="11.125" style="687" customWidth="1"/>
    <col min="253" max="258" width="2.375" style="687" customWidth="1"/>
    <col min="259" max="259" width="6" style="687" customWidth="1"/>
    <col min="260" max="265" width="2.375" style="687" customWidth="1"/>
    <col min="266" max="266" width="2.5" style="687" customWidth="1"/>
    <col min="267" max="280" width="2.375" style="687" customWidth="1"/>
    <col min="281" max="282" width="5.625" style="687" customWidth="1"/>
    <col min="283" max="283" width="9" style="687"/>
    <col min="284" max="284" width="28.125" style="687" bestFit="1" customWidth="1"/>
    <col min="285" max="507" width="9" style="687"/>
    <col min="508" max="508" width="11.125" style="687" customWidth="1"/>
    <col min="509" max="514" width="2.375" style="687" customWidth="1"/>
    <col min="515" max="515" width="6" style="687" customWidth="1"/>
    <col min="516" max="521" width="2.375" style="687" customWidth="1"/>
    <col min="522" max="522" width="2.5" style="687" customWidth="1"/>
    <col min="523" max="536" width="2.375" style="687" customWidth="1"/>
    <col min="537" max="538" width="5.625" style="687" customWidth="1"/>
    <col min="539" max="539" width="9" style="687"/>
    <col min="540" max="540" width="28.125" style="687" bestFit="1" customWidth="1"/>
    <col min="541" max="763" width="9" style="687"/>
    <col min="764" max="764" width="11.125" style="687" customWidth="1"/>
    <col min="765" max="770" width="2.375" style="687" customWidth="1"/>
    <col min="771" max="771" width="6" style="687" customWidth="1"/>
    <col min="772" max="777" width="2.375" style="687" customWidth="1"/>
    <col min="778" max="778" width="2.5" style="687" customWidth="1"/>
    <col min="779" max="792" width="2.375" style="687" customWidth="1"/>
    <col min="793" max="794" width="5.625" style="687" customWidth="1"/>
    <col min="795" max="795" width="9" style="687"/>
    <col min="796" max="796" width="28.125" style="687" bestFit="1" customWidth="1"/>
    <col min="797" max="1019" width="9" style="687"/>
    <col min="1020" max="1020" width="11.125" style="687" customWidth="1"/>
    <col min="1021" max="1026" width="2.375" style="687" customWidth="1"/>
    <col min="1027" max="1027" width="6" style="687" customWidth="1"/>
    <col min="1028" max="1033" width="2.375" style="687" customWidth="1"/>
    <col min="1034" max="1034" width="2.5" style="687" customWidth="1"/>
    <col min="1035" max="1048" width="2.375" style="687" customWidth="1"/>
    <col min="1049" max="1050" width="5.625" style="687" customWidth="1"/>
    <col min="1051" max="1051" width="9" style="687"/>
    <col min="1052" max="1052" width="28.125" style="687" bestFit="1" customWidth="1"/>
    <col min="1053" max="1275" width="9" style="687"/>
    <col min="1276" max="1276" width="11.125" style="687" customWidth="1"/>
    <col min="1277" max="1282" width="2.375" style="687" customWidth="1"/>
    <col min="1283" max="1283" width="6" style="687" customWidth="1"/>
    <col min="1284" max="1289" width="2.375" style="687" customWidth="1"/>
    <col min="1290" max="1290" width="2.5" style="687" customWidth="1"/>
    <col min="1291" max="1304" width="2.375" style="687" customWidth="1"/>
    <col min="1305" max="1306" width="5.625" style="687" customWidth="1"/>
    <col min="1307" max="1307" width="9" style="687"/>
    <col min="1308" max="1308" width="28.125" style="687" bestFit="1" customWidth="1"/>
    <col min="1309" max="1531" width="9" style="687"/>
    <col min="1532" max="1532" width="11.125" style="687" customWidth="1"/>
    <col min="1533" max="1538" width="2.375" style="687" customWidth="1"/>
    <col min="1539" max="1539" width="6" style="687" customWidth="1"/>
    <col min="1540" max="1545" width="2.375" style="687" customWidth="1"/>
    <col min="1546" max="1546" width="2.5" style="687" customWidth="1"/>
    <col min="1547" max="1560" width="2.375" style="687" customWidth="1"/>
    <col min="1561" max="1562" width="5.625" style="687" customWidth="1"/>
    <col min="1563" max="1563" width="9" style="687"/>
    <col min="1564" max="1564" width="28.125" style="687" bestFit="1" customWidth="1"/>
    <col min="1565" max="1787" width="9" style="687"/>
    <col min="1788" max="1788" width="11.125" style="687" customWidth="1"/>
    <col min="1789" max="1794" width="2.375" style="687" customWidth="1"/>
    <col min="1795" max="1795" width="6" style="687" customWidth="1"/>
    <col min="1796" max="1801" width="2.375" style="687" customWidth="1"/>
    <col min="1802" max="1802" width="2.5" style="687" customWidth="1"/>
    <col min="1803" max="1816" width="2.375" style="687" customWidth="1"/>
    <col min="1817" max="1818" width="5.625" style="687" customWidth="1"/>
    <col min="1819" max="1819" width="9" style="687"/>
    <col min="1820" max="1820" width="28.125" style="687" bestFit="1" customWidth="1"/>
    <col min="1821" max="2043" width="9" style="687"/>
    <col min="2044" max="2044" width="11.125" style="687" customWidth="1"/>
    <col min="2045" max="2050" width="2.375" style="687" customWidth="1"/>
    <col min="2051" max="2051" width="6" style="687" customWidth="1"/>
    <col min="2052" max="2057" width="2.375" style="687" customWidth="1"/>
    <col min="2058" max="2058" width="2.5" style="687" customWidth="1"/>
    <col min="2059" max="2072" width="2.375" style="687" customWidth="1"/>
    <col min="2073" max="2074" width="5.625" style="687" customWidth="1"/>
    <col min="2075" max="2075" width="9" style="687"/>
    <col min="2076" max="2076" width="28.125" style="687" bestFit="1" customWidth="1"/>
    <col min="2077" max="2299" width="9" style="687"/>
    <col min="2300" max="2300" width="11.125" style="687" customWidth="1"/>
    <col min="2301" max="2306" width="2.375" style="687" customWidth="1"/>
    <col min="2307" max="2307" width="6" style="687" customWidth="1"/>
    <col min="2308" max="2313" width="2.375" style="687" customWidth="1"/>
    <col min="2314" max="2314" width="2.5" style="687" customWidth="1"/>
    <col min="2315" max="2328" width="2.375" style="687" customWidth="1"/>
    <col min="2329" max="2330" width="5.625" style="687" customWidth="1"/>
    <col min="2331" max="2331" width="9" style="687"/>
    <col min="2332" max="2332" width="28.125" style="687" bestFit="1" customWidth="1"/>
    <col min="2333" max="2555" width="9" style="687"/>
    <col min="2556" max="2556" width="11.125" style="687" customWidth="1"/>
    <col min="2557" max="2562" width="2.375" style="687" customWidth="1"/>
    <col min="2563" max="2563" width="6" style="687" customWidth="1"/>
    <col min="2564" max="2569" width="2.375" style="687" customWidth="1"/>
    <col min="2570" max="2570" width="2.5" style="687" customWidth="1"/>
    <col min="2571" max="2584" width="2.375" style="687" customWidth="1"/>
    <col min="2585" max="2586" width="5.625" style="687" customWidth="1"/>
    <col min="2587" max="2587" width="9" style="687"/>
    <col min="2588" max="2588" width="28.125" style="687" bestFit="1" customWidth="1"/>
    <col min="2589" max="2811" width="9" style="687"/>
    <col min="2812" max="2812" width="11.125" style="687" customWidth="1"/>
    <col min="2813" max="2818" width="2.375" style="687" customWidth="1"/>
    <col min="2819" max="2819" width="6" style="687" customWidth="1"/>
    <col min="2820" max="2825" width="2.375" style="687" customWidth="1"/>
    <col min="2826" max="2826" width="2.5" style="687" customWidth="1"/>
    <col min="2827" max="2840" width="2.375" style="687" customWidth="1"/>
    <col min="2841" max="2842" width="5.625" style="687" customWidth="1"/>
    <col min="2843" max="2843" width="9" style="687"/>
    <col min="2844" max="2844" width="28.125" style="687" bestFit="1" customWidth="1"/>
    <col min="2845" max="3067" width="9" style="687"/>
    <col min="3068" max="3068" width="11.125" style="687" customWidth="1"/>
    <col min="3069" max="3074" width="2.375" style="687" customWidth="1"/>
    <col min="3075" max="3075" width="6" style="687" customWidth="1"/>
    <col min="3076" max="3081" width="2.375" style="687" customWidth="1"/>
    <col min="3082" max="3082" width="2.5" style="687" customWidth="1"/>
    <col min="3083" max="3096" width="2.375" style="687" customWidth="1"/>
    <col min="3097" max="3098" width="5.625" style="687" customWidth="1"/>
    <col min="3099" max="3099" width="9" style="687"/>
    <col min="3100" max="3100" width="28.125" style="687" bestFit="1" customWidth="1"/>
    <col min="3101" max="3323" width="9" style="687"/>
    <col min="3324" max="3324" width="11.125" style="687" customWidth="1"/>
    <col min="3325" max="3330" width="2.375" style="687" customWidth="1"/>
    <col min="3331" max="3331" width="6" style="687" customWidth="1"/>
    <col min="3332" max="3337" width="2.375" style="687" customWidth="1"/>
    <col min="3338" max="3338" width="2.5" style="687" customWidth="1"/>
    <col min="3339" max="3352" width="2.375" style="687" customWidth="1"/>
    <col min="3353" max="3354" width="5.625" style="687" customWidth="1"/>
    <col min="3355" max="3355" width="9" style="687"/>
    <col min="3356" max="3356" width="28.125" style="687" bestFit="1" customWidth="1"/>
    <col min="3357" max="3579" width="9" style="687"/>
    <col min="3580" max="3580" width="11.125" style="687" customWidth="1"/>
    <col min="3581" max="3586" width="2.375" style="687" customWidth="1"/>
    <col min="3587" max="3587" width="6" style="687" customWidth="1"/>
    <col min="3588" max="3593" width="2.375" style="687" customWidth="1"/>
    <col min="3594" max="3594" width="2.5" style="687" customWidth="1"/>
    <col min="3595" max="3608" width="2.375" style="687" customWidth="1"/>
    <col min="3609" max="3610" width="5.625" style="687" customWidth="1"/>
    <col min="3611" max="3611" width="9" style="687"/>
    <col min="3612" max="3612" width="28.125" style="687" bestFit="1" customWidth="1"/>
    <col min="3613" max="3835" width="9" style="687"/>
    <col min="3836" max="3836" width="11.125" style="687" customWidth="1"/>
    <col min="3837" max="3842" width="2.375" style="687" customWidth="1"/>
    <col min="3843" max="3843" width="6" style="687" customWidth="1"/>
    <col min="3844" max="3849" width="2.375" style="687" customWidth="1"/>
    <col min="3850" max="3850" width="2.5" style="687" customWidth="1"/>
    <col min="3851" max="3864" width="2.375" style="687" customWidth="1"/>
    <col min="3865" max="3866" width="5.625" style="687" customWidth="1"/>
    <col min="3867" max="3867" width="9" style="687"/>
    <col min="3868" max="3868" width="28.125" style="687" bestFit="1" customWidth="1"/>
    <col min="3869" max="4091" width="9" style="687"/>
    <col min="4092" max="4092" width="11.125" style="687" customWidth="1"/>
    <col min="4093" max="4098" width="2.375" style="687" customWidth="1"/>
    <col min="4099" max="4099" width="6" style="687" customWidth="1"/>
    <col min="4100" max="4105" width="2.375" style="687" customWidth="1"/>
    <col min="4106" max="4106" width="2.5" style="687" customWidth="1"/>
    <col min="4107" max="4120" width="2.375" style="687" customWidth="1"/>
    <col min="4121" max="4122" width="5.625" style="687" customWidth="1"/>
    <col min="4123" max="4123" width="9" style="687"/>
    <col min="4124" max="4124" width="28.125" style="687" bestFit="1" customWidth="1"/>
    <col min="4125" max="4347" width="9" style="687"/>
    <col min="4348" max="4348" width="11.125" style="687" customWidth="1"/>
    <col min="4349" max="4354" width="2.375" style="687" customWidth="1"/>
    <col min="4355" max="4355" width="6" style="687" customWidth="1"/>
    <col min="4356" max="4361" width="2.375" style="687" customWidth="1"/>
    <col min="4362" max="4362" width="2.5" style="687" customWidth="1"/>
    <col min="4363" max="4376" width="2.375" style="687" customWidth="1"/>
    <col min="4377" max="4378" width="5.625" style="687" customWidth="1"/>
    <col min="4379" max="4379" width="9" style="687"/>
    <col min="4380" max="4380" width="28.125" style="687" bestFit="1" customWidth="1"/>
    <col min="4381" max="4603" width="9" style="687"/>
    <col min="4604" max="4604" width="11.125" style="687" customWidth="1"/>
    <col min="4605" max="4610" width="2.375" style="687" customWidth="1"/>
    <col min="4611" max="4611" width="6" style="687" customWidth="1"/>
    <col min="4612" max="4617" width="2.375" style="687" customWidth="1"/>
    <col min="4618" max="4618" width="2.5" style="687" customWidth="1"/>
    <col min="4619" max="4632" width="2.375" style="687" customWidth="1"/>
    <col min="4633" max="4634" width="5.625" style="687" customWidth="1"/>
    <col min="4635" max="4635" width="9" style="687"/>
    <col min="4636" max="4636" width="28.125" style="687" bestFit="1" customWidth="1"/>
    <col min="4637" max="4859" width="9" style="687"/>
    <col min="4860" max="4860" width="11.125" style="687" customWidth="1"/>
    <col min="4861" max="4866" width="2.375" style="687" customWidth="1"/>
    <col min="4867" max="4867" width="6" style="687" customWidth="1"/>
    <col min="4868" max="4873" width="2.375" style="687" customWidth="1"/>
    <col min="4874" max="4874" width="2.5" style="687" customWidth="1"/>
    <col min="4875" max="4888" width="2.375" style="687" customWidth="1"/>
    <col min="4889" max="4890" width="5.625" style="687" customWidth="1"/>
    <col min="4891" max="4891" width="9" style="687"/>
    <col min="4892" max="4892" width="28.125" style="687" bestFit="1" customWidth="1"/>
    <col min="4893" max="5115" width="9" style="687"/>
    <col min="5116" max="5116" width="11.125" style="687" customWidth="1"/>
    <col min="5117" max="5122" width="2.375" style="687" customWidth="1"/>
    <col min="5123" max="5123" width="6" style="687" customWidth="1"/>
    <col min="5124" max="5129" width="2.375" style="687" customWidth="1"/>
    <col min="5130" max="5130" width="2.5" style="687" customWidth="1"/>
    <col min="5131" max="5144" width="2.375" style="687" customWidth="1"/>
    <col min="5145" max="5146" width="5.625" style="687" customWidth="1"/>
    <col min="5147" max="5147" width="9" style="687"/>
    <col min="5148" max="5148" width="28.125" style="687" bestFit="1" customWidth="1"/>
    <col min="5149" max="5371" width="9" style="687"/>
    <col min="5372" max="5372" width="11.125" style="687" customWidth="1"/>
    <col min="5373" max="5378" width="2.375" style="687" customWidth="1"/>
    <col min="5379" max="5379" width="6" style="687" customWidth="1"/>
    <col min="5380" max="5385" width="2.375" style="687" customWidth="1"/>
    <col min="5386" max="5386" width="2.5" style="687" customWidth="1"/>
    <col min="5387" max="5400" width="2.375" style="687" customWidth="1"/>
    <col min="5401" max="5402" width="5.625" style="687" customWidth="1"/>
    <col min="5403" max="5403" width="9" style="687"/>
    <col min="5404" max="5404" width="28.125" style="687" bestFit="1" customWidth="1"/>
    <col min="5405" max="5627" width="9" style="687"/>
    <col min="5628" max="5628" width="11.125" style="687" customWidth="1"/>
    <col min="5629" max="5634" width="2.375" style="687" customWidth="1"/>
    <col min="5635" max="5635" width="6" style="687" customWidth="1"/>
    <col min="5636" max="5641" width="2.375" style="687" customWidth="1"/>
    <col min="5642" max="5642" width="2.5" style="687" customWidth="1"/>
    <col min="5643" max="5656" width="2.375" style="687" customWidth="1"/>
    <col min="5657" max="5658" width="5.625" style="687" customWidth="1"/>
    <col min="5659" max="5659" width="9" style="687"/>
    <col min="5660" max="5660" width="28.125" style="687" bestFit="1" customWidth="1"/>
    <col min="5661" max="5883" width="9" style="687"/>
    <col min="5884" max="5884" width="11.125" style="687" customWidth="1"/>
    <col min="5885" max="5890" width="2.375" style="687" customWidth="1"/>
    <col min="5891" max="5891" width="6" style="687" customWidth="1"/>
    <col min="5892" max="5897" width="2.375" style="687" customWidth="1"/>
    <col min="5898" max="5898" width="2.5" style="687" customWidth="1"/>
    <col min="5899" max="5912" width="2.375" style="687" customWidth="1"/>
    <col min="5913" max="5914" width="5.625" style="687" customWidth="1"/>
    <col min="5915" max="5915" width="9" style="687"/>
    <col min="5916" max="5916" width="28.125" style="687" bestFit="1" customWidth="1"/>
    <col min="5917" max="6139" width="9" style="687"/>
    <col min="6140" max="6140" width="11.125" style="687" customWidth="1"/>
    <col min="6141" max="6146" width="2.375" style="687" customWidth="1"/>
    <col min="6147" max="6147" width="6" style="687" customWidth="1"/>
    <col min="6148" max="6153" width="2.375" style="687" customWidth="1"/>
    <col min="6154" max="6154" width="2.5" style="687" customWidth="1"/>
    <col min="6155" max="6168" width="2.375" style="687" customWidth="1"/>
    <col min="6169" max="6170" width="5.625" style="687" customWidth="1"/>
    <col min="6171" max="6171" width="9" style="687"/>
    <col min="6172" max="6172" width="28.125" style="687" bestFit="1" customWidth="1"/>
    <col min="6173" max="6395" width="9" style="687"/>
    <col min="6396" max="6396" width="11.125" style="687" customWidth="1"/>
    <col min="6397" max="6402" width="2.375" style="687" customWidth="1"/>
    <col min="6403" max="6403" width="6" style="687" customWidth="1"/>
    <col min="6404" max="6409" width="2.375" style="687" customWidth="1"/>
    <col min="6410" max="6410" width="2.5" style="687" customWidth="1"/>
    <col min="6411" max="6424" width="2.375" style="687" customWidth="1"/>
    <col min="6425" max="6426" width="5.625" style="687" customWidth="1"/>
    <col min="6427" max="6427" width="9" style="687"/>
    <col min="6428" max="6428" width="28.125" style="687" bestFit="1" customWidth="1"/>
    <col min="6429" max="6651" width="9" style="687"/>
    <col min="6652" max="6652" width="11.125" style="687" customWidth="1"/>
    <col min="6653" max="6658" width="2.375" style="687" customWidth="1"/>
    <col min="6659" max="6659" width="6" style="687" customWidth="1"/>
    <col min="6660" max="6665" width="2.375" style="687" customWidth="1"/>
    <col min="6666" max="6666" width="2.5" style="687" customWidth="1"/>
    <col min="6667" max="6680" width="2.375" style="687" customWidth="1"/>
    <col min="6681" max="6682" width="5.625" style="687" customWidth="1"/>
    <col min="6683" max="6683" width="9" style="687"/>
    <col min="6684" max="6684" width="28.125" style="687" bestFit="1" customWidth="1"/>
    <col min="6685" max="6907" width="9" style="687"/>
    <col min="6908" max="6908" width="11.125" style="687" customWidth="1"/>
    <col min="6909" max="6914" width="2.375" style="687" customWidth="1"/>
    <col min="6915" max="6915" width="6" style="687" customWidth="1"/>
    <col min="6916" max="6921" width="2.375" style="687" customWidth="1"/>
    <col min="6922" max="6922" width="2.5" style="687" customWidth="1"/>
    <col min="6923" max="6936" width="2.375" style="687" customWidth="1"/>
    <col min="6937" max="6938" width="5.625" style="687" customWidth="1"/>
    <col min="6939" max="6939" width="9" style="687"/>
    <col min="6940" max="6940" width="28.125" style="687" bestFit="1" customWidth="1"/>
    <col min="6941" max="7163" width="9" style="687"/>
    <col min="7164" max="7164" width="11.125" style="687" customWidth="1"/>
    <col min="7165" max="7170" width="2.375" style="687" customWidth="1"/>
    <col min="7171" max="7171" width="6" style="687" customWidth="1"/>
    <col min="7172" max="7177" width="2.375" style="687" customWidth="1"/>
    <col min="7178" max="7178" width="2.5" style="687" customWidth="1"/>
    <col min="7179" max="7192" width="2.375" style="687" customWidth="1"/>
    <col min="7193" max="7194" width="5.625" style="687" customWidth="1"/>
    <col min="7195" max="7195" width="9" style="687"/>
    <col min="7196" max="7196" width="28.125" style="687" bestFit="1" customWidth="1"/>
    <col min="7197" max="7419" width="9" style="687"/>
    <col min="7420" max="7420" width="11.125" style="687" customWidth="1"/>
    <col min="7421" max="7426" width="2.375" style="687" customWidth="1"/>
    <col min="7427" max="7427" width="6" style="687" customWidth="1"/>
    <col min="7428" max="7433" width="2.375" style="687" customWidth="1"/>
    <col min="7434" max="7434" width="2.5" style="687" customWidth="1"/>
    <col min="7435" max="7448" width="2.375" style="687" customWidth="1"/>
    <col min="7449" max="7450" width="5.625" style="687" customWidth="1"/>
    <col min="7451" max="7451" width="9" style="687"/>
    <col min="7452" max="7452" width="28.125" style="687" bestFit="1" customWidth="1"/>
    <col min="7453" max="7675" width="9" style="687"/>
    <col min="7676" max="7676" width="11.125" style="687" customWidth="1"/>
    <col min="7677" max="7682" width="2.375" style="687" customWidth="1"/>
    <col min="7683" max="7683" width="6" style="687" customWidth="1"/>
    <col min="7684" max="7689" width="2.375" style="687" customWidth="1"/>
    <col min="7690" max="7690" width="2.5" style="687" customWidth="1"/>
    <col min="7691" max="7704" width="2.375" style="687" customWidth="1"/>
    <col min="7705" max="7706" width="5.625" style="687" customWidth="1"/>
    <col min="7707" max="7707" width="9" style="687"/>
    <col min="7708" max="7708" width="28.125" style="687" bestFit="1" customWidth="1"/>
    <col min="7709" max="7931" width="9" style="687"/>
    <col min="7932" max="7932" width="11.125" style="687" customWidth="1"/>
    <col min="7933" max="7938" width="2.375" style="687" customWidth="1"/>
    <col min="7939" max="7939" width="6" style="687" customWidth="1"/>
    <col min="7940" max="7945" width="2.375" style="687" customWidth="1"/>
    <col min="7946" max="7946" width="2.5" style="687" customWidth="1"/>
    <col min="7947" max="7960" width="2.375" style="687" customWidth="1"/>
    <col min="7961" max="7962" width="5.625" style="687" customWidth="1"/>
    <col min="7963" max="7963" width="9" style="687"/>
    <col min="7964" max="7964" width="28.125" style="687" bestFit="1" customWidth="1"/>
    <col min="7965" max="8187" width="9" style="687"/>
    <col min="8188" max="8188" width="11.125" style="687" customWidth="1"/>
    <col min="8189" max="8194" width="2.375" style="687" customWidth="1"/>
    <col min="8195" max="8195" width="6" style="687" customWidth="1"/>
    <col min="8196" max="8201" width="2.375" style="687" customWidth="1"/>
    <col min="8202" max="8202" width="2.5" style="687" customWidth="1"/>
    <col min="8203" max="8216" width="2.375" style="687" customWidth="1"/>
    <col min="8217" max="8218" width="5.625" style="687" customWidth="1"/>
    <col min="8219" max="8219" width="9" style="687"/>
    <col min="8220" max="8220" width="28.125" style="687" bestFit="1" customWidth="1"/>
    <col min="8221" max="8443" width="9" style="687"/>
    <col min="8444" max="8444" width="11.125" style="687" customWidth="1"/>
    <col min="8445" max="8450" width="2.375" style="687" customWidth="1"/>
    <col min="8451" max="8451" width="6" style="687" customWidth="1"/>
    <col min="8452" max="8457" width="2.375" style="687" customWidth="1"/>
    <col min="8458" max="8458" width="2.5" style="687" customWidth="1"/>
    <col min="8459" max="8472" width="2.375" style="687" customWidth="1"/>
    <col min="8473" max="8474" width="5.625" style="687" customWidth="1"/>
    <col min="8475" max="8475" width="9" style="687"/>
    <col min="8476" max="8476" width="28.125" style="687" bestFit="1" customWidth="1"/>
    <col min="8477" max="8699" width="9" style="687"/>
    <col min="8700" max="8700" width="11.125" style="687" customWidth="1"/>
    <col min="8701" max="8706" width="2.375" style="687" customWidth="1"/>
    <col min="8707" max="8707" width="6" style="687" customWidth="1"/>
    <col min="8708" max="8713" width="2.375" style="687" customWidth="1"/>
    <col min="8714" max="8714" width="2.5" style="687" customWidth="1"/>
    <col min="8715" max="8728" width="2.375" style="687" customWidth="1"/>
    <col min="8729" max="8730" width="5.625" style="687" customWidth="1"/>
    <col min="8731" max="8731" width="9" style="687"/>
    <col min="8732" max="8732" width="28.125" style="687" bestFit="1" customWidth="1"/>
    <col min="8733" max="8955" width="9" style="687"/>
    <col min="8956" max="8956" width="11.125" style="687" customWidth="1"/>
    <col min="8957" max="8962" width="2.375" style="687" customWidth="1"/>
    <col min="8963" max="8963" width="6" style="687" customWidth="1"/>
    <col min="8964" max="8969" width="2.375" style="687" customWidth="1"/>
    <col min="8970" max="8970" width="2.5" style="687" customWidth="1"/>
    <col min="8971" max="8984" width="2.375" style="687" customWidth="1"/>
    <col min="8985" max="8986" width="5.625" style="687" customWidth="1"/>
    <col min="8987" max="8987" width="9" style="687"/>
    <col min="8988" max="8988" width="28.125" style="687" bestFit="1" customWidth="1"/>
    <col min="8989" max="9211" width="9" style="687"/>
    <col min="9212" max="9212" width="11.125" style="687" customWidth="1"/>
    <col min="9213" max="9218" width="2.375" style="687" customWidth="1"/>
    <col min="9219" max="9219" width="6" style="687" customWidth="1"/>
    <col min="9220" max="9225" width="2.375" style="687" customWidth="1"/>
    <col min="9226" max="9226" width="2.5" style="687" customWidth="1"/>
    <col min="9227" max="9240" width="2.375" style="687" customWidth="1"/>
    <col min="9241" max="9242" width="5.625" style="687" customWidth="1"/>
    <col min="9243" max="9243" width="9" style="687"/>
    <col min="9244" max="9244" width="28.125" style="687" bestFit="1" customWidth="1"/>
    <col min="9245" max="9467" width="9" style="687"/>
    <col min="9468" max="9468" width="11.125" style="687" customWidth="1"/>
    <col min="9469" max="9474" width="2.375" style="687" customWidth="1"/>
    <col min="9475" max="9475" width="6" style="687" customWidth="1"/>
    <col min="9476" max="9481" width="2.375" style="687" customWidth="1"/>
    <col min="9482" max="9482" width="2.5" style="687" customWidth="1"/>
    <col min="9483" max="9496" width="2.375" style="687" customWidth="1"/>
    <col min="9497" max="9498" width="5.625" style="687" customWidth="1"/>
    <col min="9499" max="9499" width="9" style="687"/>
    <col min="9500" max="9500" width="28.125" style="687" bestFit="1" customWidth="1"/>
    <col min="9501" max="9723" width="9" style="687"/>
    <col min="9724" max="9724" width="11.125" style="687" customWidth="1"/>
    <col min="9725" max="9730" width="2.375" style="687" customWidth="1"/>
    <col min="9731" max="9731" width="6" style="687" customWidth="1"/>
    <col min="9732" max="9737" width="2.375" style="687" customWidth="1"/>
    <col min="9738" max="9738" width="2.5" style="687" customWidth="1"/>
    <col min="9739" max="9752" width="2.375" style="687" customWidth="1"/>
    <col min="9753" max="9754" width="5.625" style="687" customWidth="1"/>
    <col min="9755" max="9755" width="9" style="687"/>
    <col min="9756" max="9756" width="28.125" style="687" bestFit="1" customWidth="1"/>
    <col min="9757" max="9979" width="9" style="687"/>
    <col min="9980" max="9980" width="11.125" style="687" customWidth="1"/>
    <col min="9981" max="9986" width="2.375" style="687" customWidth="1"/>
    <col min="9987" max="9987" width="6" style="687" customWidth="1"/>
    <col min="9988" max="9993" width="2.375" style="687" customWidth="1"/>
    <col min="9994" max="9994" width="2.5" style="687" customWidth="1"/>
    <col min="9995" max="10008" width="2.375" style="687" customWidth="1"/>
    <col min="10009" max="10010" width="5.625" style="687" customWidth="1"/>
    <col min="10011" max="10011" width="9" style="687"/>
    <col min="10012" max="10012" width="28.125" style="687" bestFit="1" customWidth="1"/>
    <col min="10013" max="10235" width="9" style="687"/>
    <col min="10236" max="10236" width="11.125" style="687" customWidth="1"/>
    <col min="10237" max="10242" width="2.375" style="687" customWidth="1"/>
    <col min="10243" max="10243" width="6" style="687" customWidth="1"/>
    <col min="10244" max="10249" width="2.375" style="687" customWidth="1"/>
    <col min="10250" max="10250" width="2.5" style="687" customWidth="1"/>
    <col min="10251" max="10264" width="2.375" style="687" customWidth="1"/>
    <col min="10265" max="10266" width="5.625" style="687" customWidth="1"/>
    <col min="10267" max="10267" width="9" style="687"/>
    <col min="10268" max="10268" width="28.125" style="687" bestFit="1" customWidth="1"/>
    <col min="10269" max="10491" width="9" style="687"/>
    <col min="10492" max="10492" width="11.125" style="687" customWidth="1"/>
    <col min="10493" max="10498" width="2.375" style="687" customWidth="1"/>
    <col min="10499" max="10499" width="6" style="687" customWidth="1"/>
    <col min="10500" max="10505" width="2.375" style="687" customWidth="1"/>
    <col min="10506" max="10506" width="2.5" style="687" customWidth="1"/>
    <col min="10507" max="10520" width="2.375" style="687" customWidth="1"/>
    <col min="10521" max="10522" width="5.625" style="687" customWidth="1"/>
    <col min="10523" max="10523" width="9" style="687"/>
    <col min="10524" max="10524" width="28.125" style="687" bestFit="1" customWidth="1"/>
    <col min="10525" max="10747" width="9" style="687"/>
    <col min="10748" max="10748" width="11.125" style="687" customWidth="1"/>
    <col min="10749" max="10754" width="2.375" style="687" customWidth="1"/>
    <col min="10755" max="10755" width="6" style="687" customWidth="1"/>
    <col min="10756" max="10761" width="2.375" style="687" customWidth="1"/>
    <col min="10762" max="10762" width="2.5" style="687" customWidth="1"/>
    <col min="10763" max="10776" width="2.375" style="687" customWidth="1"/>
    <col min="10777" max="10778" width="5.625" style="687" customWidth="1"/>
    <col min="10779" max="10779" width="9" style="687"/>
    <col min="10780" max="10780" width="28.125" style="687" bestFit="1" customWidth="1"/>
    <col min="10781" max="11003" width="9" style="687"/>
    <col min="11004" max="11004" width="11.125" style="687" customWidth="1"/>
    <col min="11005" max="11010" width="2.375" style="687" customWidth="1"/>
    <col min="11011" max="11011" width="6" style="687" customWidth="1"/>
    <col min="11012" max="11017" width="2.375" style="687" customWidth="1"/>
    <col min="11018" max="11018" width="2.5" style="687" customWidth="1"/>
    <col min="11019" max="11032" width="2.375" style="687" customWidth="1"/>
    <col min="11033" max="11034" width="5.625" style="687" customWidth="1"/>
    <col min="11035" max="11035" width="9" style="687"/>
    <col min="11036" max="11036" width="28.125" style="687" bestFit="1" customWidth="1"/>
    <col min="11037" max="11259" width="9" style="687"/>
    <col min="11260" max="11260" width="11.125" style="687" customWidth="1"/>
    <col min="11261" max="11266" width="2.375" style="687" customWidth="1"/>
    <col min="11267" max="11267" width="6" style="687" customWidth="1"/>
    <col min="11268" max="11273" width="2.375" style="687" customWidth="1"/>
    <col min="11274" max="11274" width="2.5" style="687" customWidth="1"/>
    <col min="11275" max="11288" width="2.375" style="687" customWidth="1"/>
    <col min="11289" max="11290" width="5.625" style="687" customWidth="1"/>
    <col min="11291" max="11291" width="9" style="687"/>
    <col min="11292" max="11292" width="28.125" style="687" bestFit="1" customWidth="1"/>
    <col min="11293" max="11515" width="9" style="687"/>
    <col min="11516" max="11516" width="11.125" style="687" customWidth="1"/>
    <col min="11517" max="11522" width="2.375" style="687" customWidth="1"/>
    <col min="11523" max="11523" width="6" style="687" customWidth="1"/>
    <col min="11524" max="11529" width="2.375" style="687" customWidth="1"/>
    <col min="11530" max="11530" width="2.5" style="687" customWidth="1"/>
    <col min="11531" max="11544" width="2.375" style="687" customWidth="1"/>
    <col min="11545" max="11546" width="5.625" style="687" customWidth="1"/>
    <col min="11547" max="11547" width="9" style="687"/>
    <col min="11548" max="11548" width="28.125" style="687" bestFit="1" customWidth="1"/>
    <col min="11549" max="11771" width="9" style="687"/>
    <col min="11772" max="11772" width="11.125" style="687" customWidth="1"/>
    <col min="11773" max="11778" width="2.375" style="687" customWidth="1"/>
    <col min="11779" max="11779" width="6" style="687" customWidth="1"/>
    <col min="11780" max="11785" width="2.375" style="687" customWidth="1"/>
    <col min="11786" max="11786" width="2.5" style="687" customWidth="1"/>
    <col min="11787" max="11800" width="2.375" style="687" customWidth="1"/>
    <col min="11801" max="11802" width="5.625" style="687" customWidth="1"/>
    <col min="11803" max="11803" width="9" style="687"/>
    <col min="11804" max="11804" width="28.125" style="687" bestFit="1" customWidth="1"/>
    <col min="11805" max="12027" width="9" style="687"/>
    <col min="12028" max="12028" width="11.125" style="687" customWidth="1"/>
    <col min="12029" max="12034" width="2.375" style="687" customWidth="1"/>
    <col min="12035" max="12035" width="6" style="687" customWidth="1"/>
    <col min="12036" max="12041" width="2.375" style="687" customWidth="1"/>
    <col min="12042" max="12042" width="2.5" style="687" customWidth="1"/>
    <col min="12043" max="12056" width="2.375" style="687" customWidth="1"/>
    <col min="12057" max="12058" width="5.625" style="687" customWidth="1"/>
    <col min="12059" max="12059" width="9" style="687"/>
    <col min="12060" max="12060" width="28.125" style="687" bestFit="1" customWidth="1"/>
    <col min="12061" max="12283" width="9" style="687"/>
    <col min="12284" max="12284" width="11.125" style="687" customWidth="1"/>
    <col min="12285" max="12290" width="2.375" style="687" customWidth="1"/>
    <col min="12291" max="12291" width="6" style="687" customWidth="1"/>
    <col min="12292" max="12297" width="2.375" style="687" customWidth="1"/>
    <col min="12298" max="12298" width="2.5" style="687" customWidth="1"/>
    <col min="12299" max="12312" width="2.375" style="687" customWidth="1"/>
    <col min="12313" max="12314" width="5.625" style="687" customWidth="1"/>
    <col min="12315" max="12315" width="9" style="687"/>
    <col min="12316" max="12316" width="28.125" style="687" bestFit="1" customWidth="1"/>
    <col min="12317" max="12539" width="9" style="687"/>
    <col min="12540" max="12540" width="11.125" style="687" customWidth="1"/>
    <col min="12541" max="12546" width="2.375" style="687" customWidth="1"/>
    <col min="12547" max="12547" width="6" style="687" customWidth="1"/>
    <col min="12548" max="12553" width="2.375" style="687" customWidth="1"/>
    <col min="12554" max="12554" width="2.5" style="687" customWidth="1"/>
    <col min="12555" max="12568" width="2.375" style="687" customWidth="1"/>
    <col min="12569" max="12570" width="5.625" style="687" customWidth="1"/>
    <col min="12571" max="12571" width="9" style="687"/>
    <col min="12572" max="12572" width="28.125" style="687" bestFit="1" customWidth="1"/>
    <col min="12573" max="12795" width="9" style="687"/>
    <col min="12796" max="12796" width="11.125" style="687" customWidth="1"/>
    <col min="12797" max="12802" width="2.375" style="687" customWidth="1"/>
    <col min="12803" max="12803" width="6" style="687" customWidth="1"/>
    <col min="12804" max="12809" width="2.375" style="687" customWidth="1"/>
    <col min="12810" max="12810" width="2.5" style="687" customWidth="1"/>
    <col min="12811" max="12824" width="2.375" style="687" customWidth="1"/>
    <col min="12825" max="12826" width="5.625" style="687" customWidth="1"/>
    <col min="12827" max="12827" width="9" style="687"/>
    <col min="12828" max="12828" width="28.125" style="687" bestFit="1" customWidth="1"/>
    <col min="12829" max="13051" width="9" style="687"/>
    <col min="13052" max="13052" width="11.125" style="687" customWidth="1"/>
    <col min="13053" max="13058" width="2.375" style="687" customWidth="1"/>
    <col min="13059" max="13059" width="6" style="687" customWidth="1"/>
    <col min="13060" max="13065" width="2.375" style="687" customWidth="1"/>
    <col min="13066" max="13066" width="2.5" style="687" customWidth="1"/>
    <col min="13067" max="13080" width="2.375" style="687" customWidth="1"/>
    <col min="13081" max="13082" width="5.625" style="687" customWidth="1"/>
    <col min="13083" max="13083" width="9" style="687"/>
    <col min="13084" max="13084" width="28.125" style="687" bestFit="1" customWidth="1"/>
    <col min="13085" max="13307" width="9" style="687"/>
    <col min="13308" max="13308" width="11.125" style="687" customWidth="1"/>
    <col min="13309" max="13314" width="2.375" style="687" customWidth="1"/>
    <col min="13315" max="13315" width="6" style="687" customWidth="1"/>
    <col min="13316" max="13321" width="2.375" style="687" customWidth="1"/>
    <col min="13322" max="13322" width="2.5" style="687" customWidth="1"/>
    <col min="13323" max="13336" width="2.375" style="687" customWidth="1"/>
    <col min="13337" max="13338" width="5.625" style="687" customWidth="1"/>
    <col min="13339" max="13339" width="9" style="687"/>
    <col min="13340" max="13340" width="28.125" style="687" bestFit="1" customWidth="1"/>
    <col min="13341" max="13563" width="9" style="687"/>
    <col min="13564" max="13564" width="11.125" style="687" customWidth="1"/>
    <col min="13565" max="13570" width="2.375" style="687" customWidth="1"/>
    <col min="13571" max="13571" width="6" style="687" customWidth="1"/>
    <col min="13572" max="13577" width="2.375" style="687" customWidth="1"/>
    <col min="13578" max="13578" width="2.5" style="687" customWidth="1"/>
    <col min="13579" max="13592" width="2.375" style="687" customWidth="1"/>
    <col min="13593" max="13594" width="5.625" style="687" customWidth="1"/>
    <col min="13595" max="13595" width="9" style="687"/>
    <col min="13596" max="13596" width="28.125" style="687" bestFit="1" customWidth="1"/>
    <col min="13597" max="13819" width="9" style="687"/>
    <col min="13820" max="13820" width="11.125" style="687" customWidth="1"/>
    <col min="13821" max="13826" width="2.375" style="687" customWidth="1"/>
    <col min="13827" max="13827" width="6" style="687" customWidth="1"/>
    <col min="13828" max="13833" width="2.375" style="687" customWidth="1"/>
    <col min="13834" max="13834" width="2.5" style="687" customWidth="1"/>
    <col min="13835" max="13848" width="2.375" style="687" customWidth="1"/>
    <col min="13849" max="13850" width="5.625" style="687" customWidth="1"/>
    <col min="13851" max="13851" width="9" style="687"/>
    <col min="13852" max="13852" width="28.125" style="687" bestFit="1" customWidth="1"/>
    <col min="13853" max="14075" width="9" style="687"/>
    <col min="14076" max="14076" width="11.125" style="687" customWidth="1"/>
    <col min="14077" max="14082" width="2.375" style="687" customWidth="1"/>
    <col min="14083" max="14083" width="6" style="687" customWidth="1"/>
    <col min="14084" max="14089" width="2.375" style="687" customWidth="1"/>
    <col min="14090" max="14090" width="2.5" style="687" customWidth="1"/>
    <col min="14091" max="14104" width="2.375" style="687" customWidth="1"/>
    <col min="14105" max="14106" width="5.625" style="687" customWidth="1"/>
    <col min="14107" max="14107" width="9" style="687"/>
    <col min="14108" max="14108" width="28.125" style="687" bestFit="1" customWidth="1"/>
    <col min="14109" max="14331" width="9" style="687"/>
    <col min="14332" max="14332" width="11.125" style="687" customWidth="1"/>
    <col min="14333" max="14338" width="2.375" style="687" customWidth="1"/>
    <col min="14339" max="14339" width="6" style="687" customWidth="1"/>
    <col min="14340" max="14345" width="2.375" style="687" customWidth="1"/>
    <col min="14346" max="14346" width="2.5" style="687" customWidth="1"/>
    <col min="14347" max="14360" width="2.375" style="687" customWidth="1"/>
    <col min="14361" max="14362" width="5.625" style="687" customWidth="1"/>
    <col min="14363" max="14363" width="9" style="687"/>
    <col min="14364" max="14364" width="28.125" style="687" bestFit="1" customWidth="1"/>
    <col min="14365" max="14587" width="9" style="687"/>
    <col min="14588" max="14588" width="11.125" style="687" customWidth="1"/>
    <col min="14589" max="14594" width="2.375" style="687" customWidth="1"/>
    <col min="14595" max="14595" width="6" style="687" customWidth="1"/>
    <col min="14596" max="14601" width="2.375" style="687" customWidth="1"/>
    <col min="14602" max="14602" width="2.5" style="687" customWidth="1"/>
    <col min="14603" max="14616" width="2.375" style="687" customWidth="1"/>
    <col min="14617" max="14618" width="5.625" style="687" customWidth="1"/>
    <col min="14619" max="14619" width="9" style="687"/>
    <col min="14620" max="14620" width="28.125" style="687" bestFit="1" customWidth="1"/>
    <col min="14621" max="14843" width="9" style="687"/>
    <col min="14844" max="14844" width="11.125" style="687" customWidth="1"/>
    <col min="14845" max="14850" width="2.375" style="687" customWidth="1"/>
    <col min="14851" max="14851" width="6" style="687" customWidth="1"/>
    <col min="14852" max="14857" width="2.375" style="687" customWidth="1"/>
    <col min="14858" max="14858" width="2.5" style="687" customWidth="1"/>
    <col min="14859" max="14872" width="2.375" style="687" customWidth="1"/>
    <col min="14873" max="14874" width="5.625" style="687" customWidth="1"/>
    <col min="14875" max="14875" width="9" style="687"/>
    <col min="14876" max="14876" width="28.125" style="687" bestFit="1" customWidth="1"/>
    <col min="14877" max="15099" width="9" style="687"/>
    <col min="15100" max="15100" width="11.125" style="687" customWidth="1"/>
    <col min="15101" max="15106" width="2.375" style="687" customWidth="1"/>
    <col min="15107" max="15107" width="6" style="687" customWidth="1"/>
    <col min="15108" max="15113" width="2.375" style="687" customWidth="1"/>
    <col min="15114" max="15114" width="2.5" style="687" customWidth="1"/>
    <col min="15115" max="15128" width="2.375" style="687" customWidth="1"/>
    <col min="15129" max="15130" width="5.625" style="687" customWidth="1"/>
    <col min="15131" max="15131" width="9" style="687"/>
    <col min="15132" max="15132" width="28.125" style="687" bestFit="1" customWidth="1"/>
    <col min="15133" max="15355" width="9" style="687"/>
    <col min="15356" max="15356" width="11.125" style="687" customWidth="1"/>
    <col min="15357" max="15362" width="2.375" style="687" customWidth="1"/>
    <col min="15363" max="15363" width="6" style="687" customWidth="1"/>
    <col min="15364" max="15369" width="2.375" style="687" customWidth="1"/>
    <col min="15370" max="15370" width="2.5" style="687" customWidth="1"/>
    <col min="15371" max="15384" width="2.375" style="687" customWidth="1"/>
    <col min="15385" max="15386" width="5.625" style="687" customWidth="1"/>
    <col min="15387" max="15387" width="9" style="687"/>
    <col min="15388" max="15388" width="28.125" style="687" bestFit="1" customWidth="1"/>
    <col min="15389" max="15611" width="9" style="687"/>
    <col min="15612" max="15612" width="11.125" style="687" customWidth="1"/>
    <col min="15613" max="15618" width="2.375" style="687" customWidth="1"/>
    <col min="15619" max="15619" width="6" style="687" customWidth="1"/>
    <col min="15620" max="15625" width="2.375" style="687" customWidth="1"/>
    <col min="15626" max="15626" width="2.5" style="687" customWidth="1"/>
    <col min="15627" max="15640" width="2.375" style="687" customWidth="1"/>
    <col min="15641" max="15642" width="5.625" style="687" customWidth="1"/>
    <col min="15643" max="15643" width="9" style="687"/>
    <col min="15644" max="15644" width="28.125" style="687" bestFit="1" customWidth="1"/>
    <col min="15645" max="15867" width="9" style="687"/>
    <col min="15868" max="15868" width="11.125" style="687" customWidth="1"/>
    <col min="15869" max="15874" width="2.375" style="687" customWidth="1"/>
    <col min="15875" max="15875" width="6" style="687" customWidth="1"/>
    <col min="15876" max="15881" width="2.375" style="687" customWidth="1"/>
    <col min="15882" max="15882" width="2.5" style="687" customWidth="1"/>
    <col min="15883" max="15896" width="2.375" style="687" customWidth="1"/>
    <col min="15897" max="15898" width="5.625" style="687" customWidth="1"/>
    <col min="15899" max="15899" width="9" style="687"/>
    <col min="15900" max="15900" width="28.125" style="687" bestFit="1" customWidth="1"/>
    <col min="15901" max="16123" width="9" style="687"/>
    <col min="16124" max="16124" width="11.125" style="687" customWidth="1"/>
    <col min="16125" max="16130" width="2.375" style="687" customWidth="1"/>
    <col min="16131" max="16131" width="6" style="687" customWidth="1"/>
    <col min="16132" max="16137" width="2.375" style="687" customWidth="1"/>
    <col min="16138" max="16138" width="2.5" style="687" customWidth="1"/>
    <col min="16139" max="16152" width="2.375" style="687" customWidth="1"/>
    <col min="16153" max="16154" width="5.625" style="687" customWidth="1"/>
    <col min="16155" max="16155" width="9" style="687"/>
    <col min="16156" max="16156" width="28.125" style="687" bestFit="1" customWidth="1"/>
    <col min="16157" max="16384" width="9" style="687"/>
  </cols>
  <sheetData>
    <row r="1" spans="1:31" ht="16.5" customHeight="1" x14ac:dyDescent="0.15">
      <c r="A1" s="685" t="s">
        <v>285</v>
      </c>
      <c r="B1" s="686"/>
      <c r="C1" s="686"/>
      <c r="D1" s="686"/>
      <c r="E1" s="686"/>
      <c r="F1" s="686"/>
      <c r="G1" s="686"/>
      <c r="H1" s="686"/>
      <c r="I1" s="686"/>
      <c r="K1" s="686"/>
      <c r="L1" s="686"/>
      <c r="M1" s="686"/>
      <c r="N1" s="686"/>
      <c r="O1" s="686"/>
      <c r="Q1" s="686"/>
      <c r="R1" s="686"/>
      <c r="U1" s="686"/>
      <c r="V1" s="686"/>
      <c r="W1" s="686"/>
      <c r="Y1" s="688"/>
      <c r="Z1" s="688"/>
      <c r="AB1" s="689"/>
      <c r="AC1" s="690"/>
      <c r="AD1" s="690"/>
    </row>
    <row r="2" spans="1:31" ht="16.5" customHeight="1" x14ac:dyDescent="0.15">
      <c r="A2" s="685"/>
      <c r="B2" s="686"/>
      <c r="C2" s="686"/>
      <c r="D2" s="686"/>
      <c r="E2" s="686"/>
      <c r="F2" s="686"/>
      <c r="G2" s="686"/>
      <c r="H2" s="686"/>
      <c r="I2" s="686"/>
      <c r="K2" s="686"/>
      <c r="L2" s="686"/>
      <c r="M2" s="686"/>
      <c r="N2" s="686"/>
      <c r="O2" s="686"/>
      <c r="Q2" s="686"/>
      <c r="R2" s="686"/>
      <c r="U2" s="686"/>
      <c r="V2" s="686"/>
      <c r="W2" s="686"/>
      <c r="Y2" s="688"/>
      <c r="Z2" s="688"/>
      <c r="AB2" s="689"/>
      <c r="AC2" s="690"/>
      <c r="AD2" s="690"/>
    </row>
    <row r="3" spans="1:31" ht="16.5" customHeight="1" thickBot="1" x14ac:dyDescent="0.2">
      <c r="A3" s="691" t="s">
        <v>286</v>
      </c>
      <c r="B3" s="686"/>
      <c r="C3" s="686"/>
      <c r="D3" s="686"/>
      <c r="E3" s="686"/>
      <c r="F3" s="686"/>
      <c r="G3" s="686"/>
      <c r="H3" s="686"/>
      <c r="I3" s="686"/>
      <c r="K3" s="686"/>
      <c r="L3" s="686"/>
      <c r="M3" s="686"/>
      <c r="N3" s="686"/>
      <c r="O3" s="686"/>
      <c r="Q3" s="686"/>
      <c r="R3" s="686"/>
      <c r="U3" s="686"/>
      <c r="V3" s="686"/>
      <c r="W3" s="686"/>
      <c r="Y3" s="688"/>
      <c r="Z3" s="688"/>
      <c r="AD3" s="692"/>
      <c r="AE3" s="692"/>
    </row>
    <row r="4" spans="1:31" s="694" customFormat="1" ht="12.75" customHeight="1" thickBot="1" x14ac:dyDescent="0.2">
      <c r="A4" s="693"/>
      <c r="B4" s="1597" t="s">
        <v>287</v>
      </c>
      <c r="C4" s="1597"/>
      <c r="D4" s="1597"/>
      <c r="E4" s="1597"/>
      <c r="F4" s="1597"/>
      <c r="G4" s="1597"/>
      <c r="H4" s="1598"/>
      <c r="I4" s="1599" t="s">
        <v>288</v>
      </c>
      <c r="J4" s="1600"/>
      <c r="K4" s="1600"/>
      <c r="L4" s="1600"/>
      <c r="M4" s="1600"/>
      <c r="N4" s="1600"/>
      <c r="O4" s="1600"/>
      <c r="P4" s="1600"/>
      <c r="Q4" s="1600"/>
      <c r="R4" s="1600"/>
      <c r="S4" s="1600"/>
      <c r="T4" s="1600"/>
      <c r="U4" s="1600"/>
      <c r="V4" s="1600"/>
      <c r="W4" s="1600"/>
      <c r="X4" s="1601"/>
      <c r="Y4" s="1602" t="s">
        <v>289</v>
      </c>
      <c r="Z4" s="1605" t="s">
        <v>290</v>
      </c>
      <c r="AA4" s="1608" t="s">
        <v>291</v>
      </c>
      <c r="AB4" s="1609"/>
      <c r="AC4" s="1610"/>
      <c r="AD4" s="1611" t="s">
        <v>292</v>
      </c>
      <c r="AE4" s="1612"/>
    </row>
    <row r="5" spans="1:31" s="694" customFormat="1" ht="12.75" customHeight="1" thickBot="1" x14ac:dyDescent="0.2">
      <c r="A5" s="695" t="s">
        <v>293</v>
      </c>
      <c r="B5" s="696"/>
      <c r="C5" s="697"/>
      <c r="D5" s="697"/>
      <c r="E5" s="697"/>
      <c r="F5" s="697"/>
      <c r="G5" s="698"/>
      <c r="H5" s="696"/>
      <c r="I5" s="699"/>
      <c r="J5" s="700"/>
      <c r="K5" s="697"/>
      <c r="L5" s="701"/>
      <c r="M5" s="1613" t="s">
        <v>294</v>
      </c>
      <c r="N5" s="1614"/>
      <c r="O5" s="1614"/>
      <c r="P5" s="1614"/>
      <c r="Q5" s="1614"/>
      <c r="R5" s="1614"/>
      <c r="S5" s="1614"/>
      <c r="T5" s="1614"/>
      <c r="U5" s="1614"/>
      <c r="V5" s="1614"/>
      <c r="W5" s="1614"/>
      <c r="X5" s="1615"/>
      <c r="Y5" s="1603"/>
      <c r="Z5" s="1606"/>
      <c r="AA5" s="1616" t="s">
        <v>295</v>
      </c>
      <c r="AB5" s="1617"/>
      <c r="AC5" s="1618"/>
      <c r="AD5" s="1625" t="s">
        <v>295</v>
      </c>
      <c r="AE5" s="1628" t="s">
        <v>296</v>
      </c>
    </row>
    <row r="6" spans="1:31" s="694" customFormat="1" ht="12.75" customHeight="1" x14ac:dyDescent="0.15">
      <c r="A6" s="695" t="s">
        <v>297</v>
      </c>
      <c r="B6" s="702"/>
      <c r="C6" s="1631" t="s">
        <v>298</v>
      </c>
      <c r="D6" s="1631"/>
      <c r="E6" s="1631"/>
      <c r="F6" s="1631"/>
      <c r="G6" s="703"/>
      <c r="H6" s="702" t="s">
        <v>299</v>
      </c>
      <c r="I6" s="1632" t="s">
        <v>300</v>
      </c>
      <c r="J6" s="1633"/>
      <c r="K6" s="1633"/>
      <c r="L6" s="1634"/>
      <c r="M6" s="1632" t="s">
        <v>301</v>
      </c>
      <c r="N6" s="1633"/>
      <c r="O6" s="1633"/>
      <c r="P6" s="1634"/>
      <c r="Q6" s="1638" t="s">
        <v>302</v>
      </c>
      <c r="R6" s="1639"/>
      <c r="S6" s="1639"/>
      <c r="T6" s="1640"/>
      <c r="U6" s="1644" t="s">
        <v>303</v>
      </c>
      <c r="V6" s="1645"/>
      <c r="W6" s="1645"/>
      <c r="X6" s="1646"/>
      <c r="Y6" s="1603"/>
      <c r="Z6" s="1606"/>
      <c r="AA6" s="1619"/>
      <c r="AB6" s="1620"/>
      <c r="AC6" s="1621"/>
      <c r="AD6" s="1626"/>
      <c r="AE6" s="1629"/>
    </row>
    <row r="7" spans="1:31" s="694" customFormat="1" ht="12.75" customHeight="1" x14ac:dyDescent="0.15">
      <c r="A7" s="695" t="s">
        <v>304</v>
      </c>
      <c r="B7" s="704"/>
      <c r="C7" s="705"/>
      <c r="D7" s="705"/>
      <c r="E7" s="705"/>
      <c r="F7" s="705"/>
      <c r="G7" s="706"/>
      <c r="H7" s="707" t="s">
        <v>305</v>
      </c>
      <c r="I7" s="708"/>
      <c r="J7" s="709"/>
      <c r="K7" s="705"/>
      <c r="L7" s="710"/>
      <c r="M7" s="1635"/>
      <c r="N7" s="1636"/>
      <c r="O7" s="1636"/>
      <c r="P7" s="1637"/>
      <c r="Q7" s="1641"/>
      <c r="R7" s="1642"/>
      <c r="S7" s="1642"/>
      <c r="T7" s="1643"/>
      <c r="U7" s="1647"/>
      <c r="V7" s="1648"/>
      <c r="W7" s="1648"/>
      <c r="X7" s="1649"/>
      <c r="Y7" s="1603"/>
      <c r="Z7" s="1606"/>
      <c r="AA7" s="1622"/>
      <c r="AB7" s="1623"/>
      <c r="AC7" s="1624"/>
      <c r="AD7" s="1626"/>
      <c r="AE7" s="1629"/>
    </row>
    <row r="8" spans="1:31" s="694" customFormat="1" ht="12.75" customHeight="1" thickBot="1" x14ac:dyDescent="0.2">
      <c r="A8" s="711"/>
      <c r="B8" s="712" t="s">
        <v>306</v>
      </c>
      <c r="C8" s="713" t="s">
        <v>307</v>
      </c>
      <c r="D8" s="712" t="s">
        <v>308</v>
      </c>
      <c r="E8" s="713" t="s">
        <v>309</v>
      </c>
      <c r="F8" s="712" t="s">
        <v>310</v>
      </c>
      <c r="G8" s="714" t="s">
        <v>311</v>
      </c>
      <c r="H8" s="712"/>
      <c r="I8" s="715" t="s">
        <v>312</v>
      </c>
      <c r="J8" s="713" t="s">
        <v>313</v>
      </c>
      <c r="K8" s="712" t="s">
        <v>314</v>
      </c>
      <c r="L8" s="714" t="s">
        <v>315</v>
      </c>
      <c r="M8" s="716" t="s">
        <v>312</v>
      </c>
      <c r="N8" s="717" t="s">
        <v>313</v>
      </c>
      <c r="O8" s="718" t="s">
        <v>314</v>
      </c>
      <c r="P8" s="714" t="s">
        <v>316</v>
      </c>
      <c r="Q8" s="716" t="s">
        <v>312</v>
      </c>
      <c r="R8" s="717" t="s">
        <v>313</v>
      </c>
      <c r="S8" s="713" t="s">
        <v>314</v>
      </c>
      <c r="T8" s="719" t="s">
        <v>316</v>
      </c>
      <c r="U8" s="716" t="s">
        <v>312</v>
      </c>
      <c r="V8" s="717" t="s">
        <v>313</v>
      </c>
      <c r="W8" s="718" t="s">
        <v>314</v>
      </c>
      <c r="X8" s="714" t="s">
        <v>316</v>
      </c>
      <c r="Y8" s="1604"/>
      <c r="Z8" s="1607"/>
      <c r="AA8" s="720" t="s">
        <v>312</v>
      </c>
      <c r="AB8" s="721" t="s">
        <v>314</v>
      </c>
      <c r="AC8" s="722" t="s">
        <v>315</v>
      </c>
      <c r="AD8" s="1627"/>
      <c r="AE8" s="1630"/>
    </row>
    <row r="9" spans="1:31" s="739" customFormat="1" ht="13.5" customHeight="1" outlineLevel="2" x14ac:dyDescent="0.15">
      <c r="A9" s="723" t="s">
        <v>37</v>
      </c>
      <c r="B9" s="724" t="s">
        <v>333</v>
      </c>
      <c r="C9" s="725" t="s">
        <v>322</v>
      </c>
      <c r="D9" s="726" t="s">
        <v>322</v>
      </c>
      <c r="E9" s="725" t="s">
        <v>322</v>
      </c>
      <c r="F9" s="727" t="s">
        <v>322</v>
      </c>
      <c r="G9" s="728" t="s">
        <v>333</v>
      </c>
      <c r="H9" s="729">
        <v>10</v>
      </c>
      <c r="I9" s="724" t="s">
        <v>322</v>
      </c>
      <c r="J9" s="730" t="s">
        <v>284</v>
      </c>
      <c r="K9" s="726" t="s">
        <v>322</v>
      </c>
      <c r="L9" s="731" t="s">
        <v>284</v>
      </c>
      <c r="M9" s="732" t="s">
        <v>322</v>
      </c>
      <c r="N9" s="730" t="s">
        <v>284</v>
      </c>
      <c r="O9" s="732" t="s">
        <v>284</v>
      </c>
      <c r="P9" s="733" t="s">
        <v>284</v>
      </c>
      <c r="Q9" s="732" t="s">
        <v>322</v>
      </c>
      <c r="R9" s="730" t="s">
        <v>284</v>
      </c>
      <c r="S9" s="732" t="s">
        <v>322</v>
      </c>
      <c r="T9" s="733" t="s">
        <v>284</v>
      </c>
      <c r="U9" s="734" t="s">
        <v>322</v>
      </c>
      <c r="V9" s="732" t="s">
        <v>284</v>
      </c>
      <c r="W9" s="730" t="s">
        <v>284</v>
      </c>
      <c r="X9" s="735" t="s">
        <v>284</v>
      </c>
      <c r="Y9" s="736" t="s">
        <v>322</v>
      </c>
      <c r="Z9" s="732" t="s">
        <v>284</v>
      </c>
      <c r="AA9" s="734" t="s">
        <v>284</v>
      </c>
      <c r="AB9" s="730" t="s">
        <v>284</v>
      </c>
      <c r="AC9" s="733" t="s">
        <v>322</v>
      </c>
      <c r="AD9" s="737">
        <v>132</v>
      </c>
      <c r="AE9" s="738">
        <v>13</v>
      </c>
    </row>
    <row r="10" spans="1:31" s="739" customFormat="1" ht="13.5" customHeight="1" outlineLevel="2" x14ac:dyDescent="0.15">
      <c r="A10" s="740" t="s">
        <v>36</v>
      </c>
      <c r="B10" s="741" t="s">
        <v>322</v>
      </c>
      <c r="C10" s="742" t="s">
        <v>333</v>
      </c>
      <c r="D10" s="743" t="s">
        <v>333</v>
      </c>
      <c r="E10" s="744" t="s">
        <v>322</v>
      </c>
      <c r="F10" s="745" t="s">
        <v>322</v>
      </c>
      <c r="G10" s="746" t="s">
        <v>333</v>
      </c>
      <c r="H10" s="747">
        <v>8</v>
      </c>
      <c r="I10" s="748" t="s">
        <v>322</v>
      </c>
      <c r="J10" s="749" t="s">
        <v>284</v>
      </c>
      <c r="K10" s="743" t="s">
        <v>322</v>
      </c>
      <c r="L10" s="746" t="s">
        <v>322</v>
      </c>
      <c r="M10" s="743" t="s">
        <v>322</v>
      </c>
      <c r="N10" s="744" t="s">
        <v>284</v>
      </c>
      <c r="O10" s="743" t="s">
        <v>284</v>
      </c>
      <c r="P10" s="750" t="s">
        <v>284</v>
      </c>
      <c r="Q10" s="745" t="s">
        <v>322</v>
      </c>
      <c r="R10" s="742" t="s">
        <v>284</v>
      </c>
      <c r="S10" s="751" t="s">
        <v>322</v>
      </c>
      <c r="T10" s="750" t="s">
        <v>284</v>
      </c>
      <c r="U10" s="752" t="s">
        <v>322</v>
      </c>
      <c r="V10" s="745" t="s">
        <v>284</v>
      </c>
      <c r="W10" s="742" t="s">
        <v>284</v>
      </c>
      <c r="X10" s="753" t="s">
        <v>284</v>
      </c>
      <c r="Y10" s="754" t="s">
        <v>322</v>
      </c>
      <c r="Z10" s="745" t="s">
        <v>284</v>
      </c>
      <c r="AA10" s="741" t="s">
        <v>284</v>
      </c>
      <c r="AB10" s="744" t="s">
        <v>284</v>
      </c>
      <c r="AC10" s="746" t="s">
        <v>322</v>
      </c>
      <c r="AD10" s="755">
        <v>115</v>
      </c>
      <c r="AE10" s="756">
        <v>1</v>
      </c>
    </row>
    <row r="11" spans="1:31" s="739" customFormat="1" ht="13.5" customHeight="1" outlineLevel="2" x14ac:dyDescent="0.15">
      <c r="A11" s="740" t="s">
        <v>35</v>
      </c>
      <c r="B11" s="757" t="s">
        <v>322</v>
      </c>
      <c r="C11" s="744" t="s">
        <v>322</v>
      </c>
      <c r="D11" s="758" t="s">
        <v>333</v>
      </c>
      <c r="E11" s="742" t="s">
        <v>322</v>
      </c>
      <c r="F11" s="745" t="s">
        <v>322</v>
      </c>
      <c r="G11" s="746" t="s">
        <v>322</v>
      </c>
      <c r="H11" s="747">
        <v>18</v>
      </c>
      <c r="I11" s="757" t="s">
        <v>322</v>
      </c>
      <c r="J11" s="759" t="s">
        <v>284</v>
      </c>
      <c r="K11" s="745" t="s">
        <v>322</v>
      </c>
      <c r="L11" s="746" t="s">
        <v>284</v>
      </c>
      <c r="M11" s="745" t="s">
        <v>322</v>
      </c>
      <c r="N11" s="744" t="s">
        <v>284</v>
      </c>
      <c r="O11" s="745" t="s">
        <v>284</v>
      </c>
      <c r="P11" s="760" t="s">
        <v>284</v>
      </c>
      <c r="Q11" s="745" t="s">
        <v>322</v>
      </c>
      <c r="R11" s="744" t="s">
        <v>284</v>
      </c>
      <c r="S11" s="761" t="s">
        <v>322</v>
      </c>
      <c r="T11" s="760" t="s">
        <v>284</v>
      </c>
      <c r="U11" s="741" t="s">
        <v>322</v>
      </c>
      <c r="V11" s="745" t="s">
        <v>284</v>
      </c>
      <c r="W11" s="744" t="s">
        <v>284</v>
      </c>
      <c r="X11" s="762" t="s">
        <v>284</v>
      </c>
      <c r="Y11" s="754" t="s">
        <v>322</v>
      </c>
      <c r="Z11" s="745" t="s">
        <v>284</v>
      </c>
      <c r="AA11" s="741" t="s">
        <v>284</v>
      </c>
      <c r="AB11" s="744" t="s">
        <v>284</v>
      </c>
      <c r="AC11" s="746" t="s">
        <v>322</v>
      </c>
      <c r="AD11" s="755">
        <v>87</v>
      </c>
      <c r="AE11" s="756">
        <v>2</v>
      </c>
    </row>
    <row r="12" spans="1:31" s="739" customFormat="1" ht="13.5" customHeight="1" outlineLevel="2" x14ac:dyDescent="0.15">
      <c r="A12" s="740" t="s">
        <v>34</v>
      </c>
      <c r="B12" s="757" t="s">
        <v>333</v>
      </c>
      <c r="C12" s="744" t="s">
        <v>322</v>
      </c>
      <c r="D12" s="745" t="s">
        <v>322</v>
      </c>
      <c r="E12" s="744" t="s">
        <v>322</v>
      </c>
      <c r="F12" s="745" t="s">
        <v>322</v>
      </c>
      <c r="G12" s="746" t="s">
        <v>333</v>
      </c>
      <c r="H12" s="747">
        <v>12</v>
      </c>
      <c r="I12" s="757" t="s">
        <v>322</v>
      </c>
      <c r="J12" s="759" t="s">
        <v>284</v>
      </c>
      <c r="K12" s="745" t="s">
        <v>322</v>
      </c>
      <c r="L12" s="746" t="s">
        <v>322</v>
      </c>
      <c r="M12" s="745" t="s">
        <v>322</v>
      </c>
      <c r="N12" s="744" t="s">
        <v>284</v>
      </c>
      <c r="O12" s="745" t="s">
        <v>284</v>
      </c>
      <c r="P12" s="760" t="s">
        <v>284</v>
      </c>
      <c r="Q12" s="745" t="s">
        <v>322</v>
      </c>
      <c r="R12" s="744" t="s">
        <v>284</v>
      </c>
      <c r="S12" s="761" t="s">
        <v>322</v>
      </c>
      <c r="T12" s="760" t="s">
        <v>284</v>
      </c>
      <c r="U12" s="741" t="s">
        <v>284</v>
      </c>
      <c r="V12" s="745" t="s">
        <v>284</v>
      </c>
      <c r="W12" s="744" t="s">
        <v>322</v>
      </c>
      <c r="X12" s="762" t="s">
        <v>322</v>
      </c>
      <c r="Y12" s="754" t="s">
        <v>322</v>
      </c>
      <c r="Z12" s="757" t="s">
        <v>284</v>
      </c>
      <c r="AA12" s="741" t="s">
        <v>284</v>
      </c>
      <c r="AB12" s="744" t="s">
        <v>284</v>
      </c>
      <c r="AC12" s="746" t="s">
        <v>322</v>
      </c>
      <c r="AD12" s="755">
        <v>64</v>
      </c>
      <c r="AE12" s="756">
        <v>10</v>
      </c>
    </row>
    <row r="13" spans="1:31" s="739" customFormat="1" ht="13.5" customHeight="1" outlineLevel="2" thickBot="1" x14ac:dyDescent="0.2">
      <c r="A13" s="763" t="s">
        <v>33</v>
      </c>
      <c r="B13" s="716" t="s">
        <v>333</v>
      </c>
      <c r="C13" s="717" t="s">
        <v>322</v>
      </c>
      <c r="D13" s="764" t="s">
        <v>322</v>
      </c>
      <c r="E13" s="717" t="s">
        <v>322</v>
      </c>
      <c r="F13" s="764" t="s">
        <v>322</v>
      </c>
      <c r="G13" s="765" t="s">
        <v>322</v>
      </c>
      <c r="H13" s="766">
        <v>14</v>
      </c>
      <c r="I13" s="716" t="s">
        <v>322</v>
      </c>
      <c r="J13" s="713" t="s">
        <v>284</v>
      </c>
      <c r="K13" s="717" t="s">
        <v>322</v>
      </c>
      <c r="L13" s="765" t="s">
        <v>284</v>
      </c>
      <c r="M13" s="764" t="s">
        <v>322</v>
      </c>
      <c r="N13" s="717" t="s">
        <v>284</v>
      </c>
      <c r="O13" s="764" t="s">
        <v>284</v>
      </c>
      <c r="P13" s="714" t="s">
        <v>284</v>
      </c>
      <c r="Q13" s="764" t="s">
        <v>322</v>
      </c>
      <c r="R13" s="717" t="s">
        <v>284</v>
      </c>
      <c r="S13" s="767" t="s">
        <v>322</v>
      </c>
      <c r="T13" s="714" t="s">
        <v>322</v>
      </c>
      <c r="U13" s="768" t="s">
        <v>322</v>
      </c>
      <c r="V13" s="764" t="s">
        <v>284</v>
      </c>
      <c r="W13" s="717" t="s">
        <v>284</v>
      </c>
      <c r="X13" s="769" t="s">
        <v>284</v>
      </c>
      <c r="Y13" s="770" t="s">
        <v>284</v>
      </c>
      <c r="Z13" s="764" t="s">
        <v>317</v>
      </c>
      <c r="AA13" s="768" t="s">
        <v>284</v>
      </c>
      <c r="AB13" s="717" t="s">
        <v>284</v>
      </c>
      <c r="AC13" s="765" t="s">
        <v>322</v>
      </c>
      <c r="AD13" s="771">
        <v>76</v>
      </c>
      <c r="AE13" s="772">
        <v>1</v>
      </c>
    </row>
    <row r="14" spans="1:31" s="739" customFormat="1" ht="13.5" customHeight="1" outlineLevel="2" x14ac:dyDescent="0.15">
      <c r="A14" s="723" t="s">
        <v>32</v>
      </c>
      <c r="B14" s="773" t="s">
        <v>333</v>
      </c>
      <c r="C14" s="774" t="s">
        <v>322</v>
      </c>
      <c r="D14" s="775" t="s">
        <v>322</v>
      </c>
      <c r="E14" s="774" t="s">
        <v>322</v>
      </c>
      <c r="F14" s="775" t="s">
        <v>322</v>
      </c>
      <c r="G14" s="728" t="s">
        <v>322</v>
      </c>
      <c r="H14" s="776">
        <v>22</v>
      </c>
      <c r="I14" s="773" t="s">
        <v>322</v>
      </c>
      <c r="J14" s="777" t="s">
        <v>284</v>
      </c>
      <c r="K14" s="775" t="s">
        <v>322</v>
      </c>
      <c r="L14" s="778" t="s">
        <v>284</v>
      </c>
      <c r="M14" s="775" t="s">
        <v>322</v>
      </c>
      <c r="N14" s="774" t="s">
        <v>284</v>
      </c>
      <c r="O14" s="775" t="s">
        <v>322</v>
      </c>
      <c r="P14" s="779" t="s">
        <v>322</v>
      </c>
      <c r="Q14" s="775" t="s">
        <v>322</v>
      </c>
      <c r="R14" s="774" t="s">
        <v>284</v>
      </c>
      <c r="S14" s="780" t="s">
        <v>322</v>
      </c>
      <c r="T14" s="779" t="s">
        <v>284</v>
      </c>
      <c r="U14" s="781" t="s">
        <v>284</v>
      </c>
      <c r="V14" s="775" t="s">
        <v>284</v>
      </c>
      <c r="W14" s="774" t="s">
        <v>322</v>
      </c>
      <c r="X14" s="782" t="s">
        <v>284</v>
      </c>
      <c r="Y14" s="729" t="s">
        <v>284</v>
      </c>
      <c r="Z14" s="726" t="s">
        <v>284</v>
      </c>
      <c r="AA14" s="724" t="s">
        <v>284</v>
      </c>
      <c r="AB14" s="725" t="s">
        <v>284</v>
      </c>
      <c r="AC14" s="731" t="s">
        <v>322</v>
      </c>
      <c r="AD14" s="737">
        <v>34</v>
      </c>
      <c r="AE14" s="738">
        <v>1</v>
      </c>
    </row>
    <row r="15" spans="1:31" s="739" customFormat="1" ht="13.5" customHeight="1" outlineLevel="2" x14ac:dyDescent="0.15">
      <c r="A15" s="740" t="s">
        <v>149</v>
      </c>
      <c r="B15" s="757" t="s">
        <v>333</v>
      </c>
      <c r="C15" s="744" t="s">
        <v>322</v>
      </c>
      <c r="D15" s="745" t="s">
        <v>322</v>
      </c>
      <c r="E15" s="744" t="s">
        <v>322</v>
      </c>
      <c r="F15" s="745" t="s">
        <v>322</v>
      </c>
      <c r="G15" s="746" t="s">
        <v>333</v>
      </c>
      <c r="H15" s="747">
        <v>24</v>
      </c>
      <c r="I15" s="757" t="s">
        <v>322</v>
      </c>
      <c r="J15" s="759" t="s">
        <v>284</v>
      </c>
      <c r="K15" s="745" t="s">
        <v>322</v>
      </c>
      <c r="L15" s="746" t="s">
        <v>284</v>
      </c>
      <c r="M15" s="745" t="s">
        <v>322</v>
      </c>
      <c r="N15" s="744" t="s">
        <v>284</v>
      </c>
      <c r="O15" s="745" t="s">
        <v>284</v>
      </c>
      <c r="P15" s="760" t="s">
        <v>284</v>
      </c>
      <c r="Q15" s="745" t="s">
        <v>322</v>
      </c>
      <c r="R15" s="744" t="s">
        <v>284</v>
      </c>
      <c r="S15" s="761" t="s">
        <v>322</v>
      </c>
      <c r="T15" s="760" t="s">
        <v>284</v>
      </c>
      <c r="U15" s="741" t="s">
        <v>322</v>
      </c>
      <c r="V15" s="745" t="s">
        <v>284</v>
      </c>
      <c r="W15" s="744" t="s">
        <v>284</v>
      </c>
      <c r="X15" s="762" t="s">
        <v>284</v>
      </c>
      <c r="Y15" s="754" t="s">
        <v>284</v>
      </c>
      <c r="Z15" s="745" t="s">
        <v>322</v>
      </c>
      <c r="AA15" s="741" t="s">
        <v>284</v>
      </c>
      <c r="AB15" s="744" t="s">
        <v>284</v>
      </c>
      <c r="AC15" s="746" t="s">
        <v>322</v>
      </c>
      <c r="AD15" s="755">
        <v>71</v>
      </c>
      <c r="AE15" s="756">
        <v>1</v>
      </c>
    </row>
    <row r="16" spans="1:31" s="739" customFormat="1" ht="13.5" customHeight="1" outlineLevel="2" x14ac:dyDescent="0.15">
      <c r="A16" s="740" t="s">
        <v>30</v>
      </c>
      <c r="B16" s="757" t="s">
        <v>333</v>
      </c>
      <c r="C16" s="744" t="s">
        <v>322</v>
      </c>
      <c r="D16" s="745" t="s">
        <v>322</v>
      </c>
      <c r="E16" s="744" t="s">
        <v>322</v>
      </c>
      <c r="F16" s="745" t="s">
        <v>322</v>
      </c>
      <c r="G16" s="746" t="s">
        <v>322</v>
      </c>
      <c r="H16" s="747">
        <v>18</v>
      </c>
      <c r="I16" s="757" t="s">
        <v>322</v>
      </c>
      <c r="J16" s="759" t="s">
        <v>284</v>
      </c>
      <c r="K16" s="745" t="s">
        <v>322</v>
      </c>
      <c r="L16" s="746" t="s">
        <v>284</v>
      </c>
      <c r="M16" s="745" t="s">
        <v>322</v>
      </c>
      <c r="N16" s="744" t="s">
        <v>284</v>
      </c>
      <c r="O16" s="745" t="s">
        <v>322</v>
      </c>
      <c r="P16" s="760" t="s">
        <v>284</v>
      </c>
      <c r="Q16" s="745" t="s">
        <v>322</v>
      </c>
      <c r="R16" s="744" t="s">
        <v>284</v>
      </c>
      <c r="S16" s="761" t="s">
        <v>322</v>
      </c>
      <c r="T16" s="760" t="s">
        <v>284</v>
      </c>
      <c r="U16" s="741" t="s">
        <v>284</v>
      </c>
      <c r="V16" s="745" t="s">
        <v>284</v>
      </c>
      <c r="W16" s="744" t="s">
        <v>322</v>
      </c>
      <c r="X16" s="762" t="s">
        <v>284</v>
      </c>
      <c r="Y16" s="754" t="s">
        <v>284</v>
      </c>
      <c r="Z16" s="745" t="s">
        <v>284</v>
      </c>
      <c r="AA16" s="741" t="s">
        <v>322</v>
      </c>
      <c r="AB16" s="744" t="s">
        <v>322</v>
      </c>
      <c r="AC16" s="746" t="s">
        <v>322</v>
      </c>
      <c r="AD16" s="755">
        <v>52</v>
      </c>
      <c r="AE16" s="756">
        <v>4</v>
      </c>
    </row>
    <row r="17" spans="1:31" s="739" customFormat="1" ht="13.5" customHeight="1" outlineLevel="2" x14ac:dyDescent="0.15">
      <c r="A17" s="740" t="s">
        <v>29</v>
      </c>
      <c r="B17" s="757" t="s">
        <v>333</v>
      </c>
      <c r="C17" s="744" t="s">
        <v>322</v>
      </c>
      <c r="D17" s="745" t="s">
        <v>322</v>
      </c>
      <c r="E17" s="744" t="s">
        <v>322</v>
      </c>
      <c r="F17" s="745" t="s">
        <v>322</v>
      </c>
      <c r="G17" s="746" t="s">
        <v>322</v>
      </c>
      <c r="H17" s="747">
        <v>16</v>
      </c>
      <c r="I17" s="757" t="s">
        <v>322</v>
      </c>
      <c r="J17" s="759" t="s">
        <v>284</v>
      </c>
      <c r="K17" s="745" t="s">
        <v>322</v>
      </c>
      <c r="L17" s="746" t="s">
        <v>284</v>
      </c>
      <c r="M17" s="745" t="s">
        <v>322</v>
      </c>
      <c r="N17" s="744" t="s">
        <v>284</v>
      </c>
      <c r="O17" s="745" t="s">
        <v>284</v>
      </c>
      <c r="P17" s="760" t="s">
        <v>284</v>
      </c>
      <c r="Q17" s="745" t="s">
        <v>322</v>
      </c>
      <c r="R17" s="744" t="s">
        <v>284</v>
      </c>
      <c r="S17" s="761" t="s">
        <v>322</v>
      </c>
      <c r="T17" s="760" t="s">
        <v>322</v>
      </c>
      <c r="U17" s="741" t="s">
        <v>322</v>
      </c>
      <c r="V17" s="745" t="s">
        <v>284</v>
      </c>
      <c r="W17" s="744" t="s">
        <v>322</v>
      </c>
      <c r="X17" s="762" t="s">
        <v>284</v>
      </c>
      <c r="Y17" s="754" t="s">
        <v>284</v>
      </c>
      <c r="Z17" s="757" t="s">
        <v>284</v>
      </c>
      <c r="AA17" s="741" t="s">
        <v>284</v>
      </c>
      <c r="AB17" s="744" t="s">
        <v>284</v>
      </c>
      <c r="AC17" s="746" t="s">
        <v>322</v>
      </c>
      <c r="AD17" s="755">
        <v>58</v>
      </c>
      <c r="AE17" s="756">
        <v>4</v>
      </c>
    </row>
    <row r="18" spans="1:31" s="739" customFormat="1" ht="13.5" customHeight="1" outlineLevel="2" thickBot="1" x14ac:dyDescent="0.2">
      <c r="A18" s="763" t="s">
        <v>28</v>
      </c>
      <c r="B18" s="757" t="s">
        <v>333</v>
      </c>
      <c r="C18" s="717" t="s">
        <v>322</v>
      </c>
      <c r="D18" s="764" t="s">
        <v>322</v>
      </c>
      <c r="E18" s="717" t="s">
        <v>322</v>
      </c>
      <c r="F18" s="717" t="s">
        <v>322</v>
      </c>
      <c r="G18" s="765" t="s">
        <v>333</v>
      </c>
      <c r="H18" s="783">
        <v>18</v>
      </c>
      <c r="I18" s="716" t="s">
        <v>322</v>
      </c>
      <c r="J18" s="713" t="s">
        <v>284</v>
      </c>
      <c r="K18" s="764" t="s">
        <v>322</v>
      </c>
      <c r="L18" s="765" t="s">
        <v>284</v>
      </c>
      <c r="M18" s="764" t="s">
        <v>322</v>
      </c>
      <c r="N18" s="717" t="s">
        <v>284</v>
      </c>
      <c r="O18" s="764" t="s">
        <v>284</v>
      </c>
      <c r="P18" s="714" t="s">
        <v>284</v>
      </c>
      <c r="Q18" s="764" t="s">
        <v>322</v>
      </c>
      <c r="R18" s="717" t="s">
        <v>284</v>
      </c>
      <c r="S18" s="767" t="s">
        <v>284</v>
      </c>
      <c r="T18" s="714" t="s">
        <v>284</v>
      </c>
      <c r="U18" s="768" t="s">
        <v>284</v>
      </c>
      <c r="V18" s="764" t="s">
        <v>284</v>
      </c>
      <c r="W18" s="717" t="s">
        <v>322</v>
      </c>
      <c r="X18" s="769" t="s">
        <v>284</v>
      </c>
      <c r="Y18" s="770" t="s">
        <v>322</v>
      </c>
      <c r="Z18" s="764" t="s">
        <v>284</v>
      </c>
      <c r="AA18" s="768" t="s">
        <v>284</v>
      </c>
      <c r="AB18" s="717" t="s">
        <v>284</v>
      </c>
      <c r="AC18" s="765" t="s">
        <v>322</v>
      </c>
      <c r="AD18" s="771">
        <v>8</v>
      </c>
      <c r="AE18" s="772">
        <v>0</v>
      </c>
    </row>
    <row r="19" spans="1:31" s="739" customFormat="1" ht="13.5" customHeight="1" outlineLevel="2" x14ac:dyDescent="0.15">
      <c r="A19" s="723" t="s">
        <v>27</v>
      </c>
      <c r="B19" s="784" t="s">
        <v>333</v>
      </c>
      <c r="C19" s="774" t="s">
        <v>322</v>
      </c>
      <c r="D19" s="775" t="s">
        <v>322</v>
      </c>
      <c r="E19" s="774" t="s">
        <v>322</v>
      </c>
      <c r="F19" s="775" t="s">
        <v>322</v>
      </c>
      <c r="G19" s="731" t="s">
        <v>322</v>
      </c>
      <c r="H19" s="776">
        <v>18</v>
      </c>
      <c r="I19" s="773" t="s">
        <v>322</v>
      </c>
      <c r="J19" s="777" t="s">
        <v>284</v>
      </c>
      <c r="K19" s="775" t="s">
        <v>322</v>
      </c>
      <c r="L19" s="778" t="s">
        <v>284</v>
      </c>
      <c r="M19" s="775" t="s">
        <v>284</v>
      </c>
      <c r="N19" s="774" t="s">
        <v>284</v>
      </c>
      <c r="O19" s="775" t="s">
        <v>322</v>
      </c>
      <c r="P19" s="779" t="s">
        <v>322</v>
      </c>
      <c r="Q19" s="781" t="s">
        <v>284</v>
      </c>
      <c r="R19" s="774" t="s">
        <v>284</v>
      </c>
      <c r="S19" s="780" t="s">
        <v>322</v>
      </c>
      <c r="T19" s="779" t="s">
        <v>322</v>
      </c>
      <c r="U19" s="781" t="s">
        <v>284</v>
      </c>
      <c r="V19" s="775" t="s">
        <v>284</v>
      </c>
      <c r="W19" s="774" t="s">
        <v>322</v>
      </c>
      <c r="X19" s="782" t="s">
        <v>284</v>
      </c>
      <c r="Y19" s="729" t="s">
        <v>284</v>
      </c>
      <c r="Z19" s="726" t="s">
        <v>322</v>
      </c>
      <c r="AA19" s="724" t="s">
        <v>284</v>
      </c>
      <c r="AB19" s="725" t="s">
        <v>284</v>
      </c>
      <c r="AC19" s="785" t="s">
        <v>322</v>
      </c>
      <c r="AD19" s="786">
        <v>9</v>
      </c>
      <c r="AE19" s="738">
        <v>0</v>
      </c>
    </row>
    <row r="20" spans="1:31" s="739" customFormat="1" ht="13.5" customHeight="1" outlineLevel="2" x14ac:dyDescent="0.15">
      <c r="A20" s="740" t="s">
        <v>26</v>
      </c>
      <c r="B20" s="757" t="s">
        <v>333</v>
      </c>
      <c r="C20" s="744" t="s">
        <v>322</v>
      </c>
      <c r="D20" s="745" t="s">
        <v>322</v>
      </c>
      <c r="E20" s="744" t="s">
        <v>322</v>
      </c>
      <c r="F20" s="745" t="s">
        <v>322</v>
      </c>
      <c r="G20" s="746" t="s">
        <v>322</v>
      </c>
      <c r="H20" s="787">
        <v>24</v>
      </c>
      <c r="I20" s="757" t="s">
        <v>322</v>
      </c>
      <c r="J20" s="759" t="s">
        <v>284</v>
      </c>
      <c r="K20" s="745" t="s">
        <v>322</v>
      </c>
      <c r="L20" s="746" t="s">
        <v>284</v>
      </c>
      <c r="M20" s="745" t="s">
        <v>284</v>
      </c>
      <c r="N20" s="744" t="s">
        <v>322</v>
      </c>
      <c r="O20" s="745" t="s">
        <v>322</v>
      </c>
      <c r="P20" s="760" t="s">
        <v>284</v>
      </c>
      <c r="Q20" s="745" t="s">
        <v>284</v>
      </c>
      <c r="R20" s="744" t="s">
        <v>322</v>
      </c>
      <c r="S20" s="761" t="s">
        <v>322</v>
      </c>
      <c r="T20" s="760" t="s">
        <v>284</v>
      </c>
      <c r="U20" s="741" t="s">
        <v>284</v>
      </c>
      <c r="V20" s="745" t="s">
        <v>284</v>
      </c>
      <c r="W20" s="744" t="s">
        <v>322</v>
      </c>
      <c r="X20" s="762" t="s">
        <v>284</v>
      </c>
      <c r="Y20" s="754" t="s">
        <v>322</v>
      </c>
      <c r="Z20" s="745" t="s">
        <v>284</v>
      </c>
      <c r="AA20" s="741" t="s">
        <v>284</v>
      </c>
      <c r="AB20" s="744" t="s">
        <v>284</v>
      </c>
      <c r="AC20" s="788" t="s">
        <v>322</v>
      </c>
      <c r="AD20" s="789">
        <v>25</v>
      </c>
      <c r="AE20" s="756">
        <v>3</v>
      </c>
    </row>
    <row r="21" spans="1:31" s="739" customFormat="1" ht="13.5" customHeight="1" outlineLevel="2" x14ac:dyDescent="0.15">
      <c r="A21" s="740" t="s">
        <v>25</v>
      </c>
      <c r="B21" s="757" t="s">
        <v>333</v>
      </c>
      <c r="C21" s="744" t="s">
        <v>322</v>
      </c>
      <c r="D21" s="745" t="s">
        <v>333</v>
      </c>
      <c r="E21" s="744" t="s">
        <v>322</v>
      </c>
      <c r="F21" s="745" t="s">
        <v>322</v>
      </c>
      <c r="G21" s="746" t="s">
        <v>333</v>
      </c>
      <c r="H21" s="787">
        <v>22</v>
      </c>
      <c r="I21" s="757" t="s">
        <v>322</v>
      </c>
      <c r="J21" s="759" t="s">
        <v>284</v>
      </c>
      <c r="K21" s="745" t="s">
        <v>322</v>
      </c>
      <c r="L21" s="746" t="s">
        <v>284</v>
      </c>
      <c r="M21" s="745" t="s">
        <v>322</v>
      </c>
      <c r="N21" s="744" t="s">
        <v>284</v>
      </c>
      <c r="O21" s="745" t="s">
        <v>322</v>
      </c>
      <c r="P21" s="760" t="s">
        <v>284</v>
      </c>
      <c r="Q21" s="745" t="s">
        <v>322</v>
      </c>
      <c r="R21" s="744" t="s">
        <v>284</v>
      </c>
      <c r="S21" s="761" t="s">
        <v>322</v>
      </c>
      <c r="T21" s="760" t="s">
        <v>284</v>
      </c>
      <c r="U21" s="741" t="s">
        <v>284</v>
      </c>
      <c r="V21" s="745" t="s">
        <v>284</v>
      </c>
      <c r="W21" s="744" t="s">
        <v>322</v>
      </c>
      <c r="X21" s="762" t="s">
        <v>284</v>
      </c>
      <c r="Y21" s="754" t="s">
        <v>284</v>
      </c>
      <c r="Z21" s="745" t="s">
        <v>284</v>
      </c>
      <c r="AA21" s="741" t="s">
        <v>284</v>
      </c>
      <c r="AB21" s="744" t="s">
        <v>284</v>
      </c>
      <c r="AC21" s="788" t="s">
        <v>322</v>
      </c>
      <c r="AD21" s="789">
        <v>59</v>
      </c>
      <c r="AE21" s="756">
        <v>6</v>
      </c>
    </row>
    <row r="22" spans="1:31" s="739" customFormat="1" ht="13.5" customHeight="1" outlineLevel="2" x14ac:dyDescent="0.15">
      <c r="A22" s="740" t="s">
        <v>24</v>
      </c>
      <c r="B22" s="757" t="s">
        <v>333</v>
      </c>
      <c r="C22" s="744" t="s">
        <v>322</v>
      </c>
      <c r="D22" s="745" t="s">
        <v>322</v>
      </c>
      <c r="E22" s="744" t="s">
        <v>322</v>
      </c>
      <c r="F22" s="745" t="s">
        <v>322</v>
      </c>
      <c r="G22" s="746" t="s">
        <v>333</v>
      </c>
      <c r="H22" s="787">
        <v>20</v>
      </c>
      <c r="I22" s="757" t="s">
        <v>322</v>
      </c>
      <c r="J22" s="759" t="s">
        <v>284</v>
      </c>
      <c r="K22" s="745" t="s">
        <v>322</v>
      </c>
      <c r="L22" s="746" t="s">
        <v>284</v>
      </c>
      <c r="M22" s="745" t="s">
        <v>322</v>
      </c>
      <c r="N22" s="744" t="s">
        <v>284</v>
      </c>
      <c r="O22" s="745" t="s">
        <v>284</v>
      </c>
      <c r="P22" s="760" t="s">
        <v>284</v>
      </c>
      <c r="Q22" s="745" t="s">
        <v>322</v>
      </c>
      <c r="R22" s="744" t="s">
        <v>284</v>
      </c>
      <c r="S22" s="761" t="s">
        <v>322</v>
      </c>
      <c r="T22" s="760" t="s">
        <v>284</v>
      </c>
      <c r="U22" s="741" t="s">
        <v>284</v>
      </c>
      <c r="V22" s="745" t="s">
        <v>284</v>
      </c>
      <c r="W22" s="744" t="s">
        <v>322</v>
      </c>
      <c r="X22" s="762" t="s">
        <v>284</v>
      </c>
      <c r="Y22" s="754" t="s">
        <v>284</v>
      </c>
      <c r="Z22" s="757" t="s">
        <v>284</v>
      </c>
      <c r="AA22" s="741" t="s">
        <v>284</v>
      </c>
      <c r="AB22" s="744" t="s">
        <v>284</v>
      </c>
      <c r="AC22" s="788" t="s">
        <v>322</v>
      </c>
      <c r="AD22" s="789">
        <v>33</v>
      </c>
      <c r="AE22" s="756">
        <v>0</v>
      </c>
    </row>
    <row r="23" spans="1:31" s="739" customFormat="1" ht="13.5" customHeight="1" outlineLevel="2" thickBot="1" x14ac:dyDescent="0.2">
      <c r="A23" s="763" t="s">
        <v>23</v>
      </c>
      <c r="B23" s="716" t="s">
        <v>333</v>
      </c>
      <c r="C23" s="717" t="s">
        <v>322</v>
      </c>
      <c r="D23" s="764" t="s">
        <v>322</v>
      </c>
      <c r="E23" s="717" t="s">
        <v>322</v>
      </c>
      <c r="F23" s="764" t="s">
        <v>322</v>
      </c>
      <c r="G23" s="765" t="s">
        <v>322</v>
      </c>
      <c r="H23" s="790">
        <v>23</v>
      </c>
      <c r="I23" s="716" t="s">
        <v>322</v>
      </c>
      <c r="J23" s="713" t="s">
        <v>284</v>
      </c>
      <c r="K23" s="764" t="s">
        <v>322</v>
      </c>
      <c r="L23" s="765" t="s">
        <v>284</v>
      </c>
      <c r="M23" s="764" t="s">
        <v>284</v>
      </c>
      <c r="N23" s="717" t="s">
        <v>322</v>
      </c>
      <c r="O23" s="717" t="s">
        <v>322</v>
      </c>
      <c r="P23" s="714" t="s">
        <v>284</v>
      </c>
      <c r="Q23" s="764" t="s">
        <v>322</v>
      </c>
      <c r="R23" s="717" t="s">
        <v>322</v>
      </c>
      <c r="S23" s="767" t="s">
        <v>322</v>
      </c>
      <c r="T23" s="714" t="s">
        <v>284</v>
      </c>
      <c r="U23" s="768" t="s">
        <v>284</v>
      </c>
      <c r="V23" s="764" t="s">
        <v>284</v>
      </c>
      <c r="W23" s="717" t="s">
        <v>322</v>
      </c>
      <c r="X23" s="769" t="s">
        <v>284</v>
      </c>
      <c r="Y23" s="770" t="s">
        <v>322</v>
      </c>
      <c r="Z23" s="764" t="s">
        <v>284</v>
      </c>
      <c r="AA23" s="768" t="s">
        <v>284</v>
      </c>
      <c r="AB23" s="717" t="s">
        <v>284</v>
      </c>
      <c r="AC23" s="791" t="s">
        <v>322</v>
      </c>
      <c r="AD23" s="771">
        <v>24</v>
      </c>
      <c r="AE23" s="772">
        <v>0</v>
      </c>
    </row>
    <row r="24" spans="1:31" s="739" customFormat="1" ht="13.5" customHeight="1" outlineLevel="2" x14ac:dyDescent="0.15">
      <c r="A24" s="723" t="s">
        <v>22</v>
      </c>
      <c r="B24" s="757" t="s">
        <v>333</v>
      </c>
      <c r="C24" s="774" t="s">
        <v>322</v>
      </c>
      <c r="D24" s="775" t="s">
        <v>322</v>
      </c>
      <c r="E24" s="774" t="s">
        <v>322</v>
      </c>
      <c r="F24" s="775" t="s">
        <v>322</v>
      </c>
      <c r="G24" s="778" t="s">
        <v>333</v>
      </c>
      <c r="H24" s="776">
        <v>21</v>
      </c>
      <c r="I24" s="773" t="s">
        <v>322</v>
      </c>
      <c r="J24" s="777" t="s">
        <v>284</v>
      </c>
      <c r="K24" s="775" t="s">
        <v>322</v>
      </c>
      <c r="L24" s="778" t="s">
        <v>284</v>
      </c>
      <c r="M24" s="775" t="s">
        <v>284</v>
      </c>
      <c r="N24" s="774" t="s">
        <v>322</v>
      </c>
      <c r="O24" s="775" t="s">
        <v>284</v>
      </c>
      <c r="P24" s="779" t="s">
        <v>284</v>
      </c>
      <c r="Q24" s="781" t="s">
        <v>322</v>
      </c>
      <c r="R24" s="774" t="s">
        <v>322</v>
      </c>
      <c r="S24" s="780" t="s">
        <v>322</v>
      </c>
      <c r="T24" s="779" t="s">
        <v>284</v>
      </c>
      <c r="U24" s="781" t="s">
        <v>284</v>
      </c>
      <c r="V24" s="775" t="s">
        <v>284</v>
      </c>
      <c r="W24" s="774" t="s">
        <v>322</v>
      </c>
      <c r="X24" s="782" t="s">
        <v>284</v>
      </c>
      <c r="Y24" s="729" t="s">
        <v>284</v>
      </c>
      <c r="Z24" s="726" t="s">
        <v>284</v>
      </c>
      <c r="AA24" s="724" t="s">
        <v>284</v>
      </c>
      <c r="AB24" s="725" t="s">
        <v>284</v>
      </c>
      <c r="AC24" s="785" t="s">
        <v>322</v>
      </c>
      <c r="AD24" s="786">
        <v>52</v>
      </c>
      <c r="AE24" s="738">
        <v>1</v>
      </c>
    </row>
    <row r="25" spans="1:31" s="739" customFormat="1" ht="13.5" customHeight="1" outlineLevel="2" x14ac:dyDescent="0.15">
      <c r="A25" s="740" t="s">
        <v>21</v>
      </c>
      <c r="B25" s="757" t="s">
        <v>333</v>
      </c>
      <c r="C25" s="744" t="s">
        <v>322</v>
      </c>
      <c r="D25" s="745" t="s">
        <v>322</v>
      </c>
      <c r="E25" s="744" t="s">
        <v>322</v>
      </c>
      <c r="F25" s="745" t="s">
        <v>322</v>
      </c>
      <c r="G25" s="746" t="s">
        <v>333</v>
      </c>
      <c r="H25" s="787">
        <v>16</v>
      </c>
      <c r="I25" s="757" t="s">
        <v>322</v>
      </c>
      <c r="J25" s="759" t="s">
        <v>284</v>
      </c>
      <c r="K25" s="745" t="s">
        <v>322</v>
      </c>
      <c r="L25" s="746" t="s">
        <v>284</v>
      </c>
      <c r="M25" s="745" t="s">
        <v>284</v>
      </c>
      <c r="N25" s="744" t="s">
        <v>322</v>
      </c>
      <c r="O25" s="745" t="s">
        <v>284</v>
      </c>
      <c r="P25" s="760" t="s">
        <v>284</v>
      </c>
      <c r="Q25" s="745" t="s">
        <v>322</v>
      </c>
      <c r="R25" s="744" t="s">
        <v>322</v>
      </c>
      <c r="S25" s="761" t="s">
        <v>322</v>
      </c>
      <c r="T25" s="760" t="s">
        <v>284</v>
      </c>
      <c r="U25" s="741" t="s">
        <v>284</v>
      </c>
      <c r="V25" s="745" t="s">
        <v>284</v>
      </c>
      <c r="W25" s="744" t="s">
        <v>322</v>
      </c>
      <c r="X25" s="762" t="s">
        <v>284</v>
      </c>
      <c r="Y25" s="754" t="s">
        <v>322</v>
      </c>
      <c r="Z25" s="745" t="s">
        <v>284</v>
      </c>
      <c r="AA25" s="741" t="s">
        <v>284</v>
      </c>
      <c r="AB25" s="744" t="s">
        <v>284</v>
      </c>
      <c r="AC25" s="788" t="s">
        <v>322</v>
      </c>
      <c r="AD25" s="789">
        <v>46</v>
      </c>
      <c r="AE25" s="756">
        <v>3</v>
      </c>
    </row>
    <row r="26" spans="1:31" s="739" customFormat="1" ht="13.5" customHeight="1" outlineLevel="2" x14ac:dyDescent="0.15">
      <c r="A26" s="740" t="s">
        <v>20</v>
      </c>
      <c r="B26" s="757" t="s">
        <v>333</v>
      </c>
      <c r="C26" s="744" t="s">
        <v>322</v>
      </c>
      <c r="D26" s="745" t="s">
        <v>322</v>
      </c>
      <c r="E26" s="744" t="s">
        <v>322</v>
      </c>
      <c r="F26" s="745" t="s">
        <v>322</v>
      </c>
      <c r="G26" s="746" t="s">
        <v>333</v>
      </c>
      <c r="H26" s="787">
        <v>21</v>
      </c>
      <c r="I26" s="757" t="s">
        <v>284</v>
      </c>
      <c r="J26" s="759" t="s">
        <v>284</v>
      </c>
      <c r="K26" s="745" t="s">
        <v>322</v>
      </c>
      <c r="L26" s="746" t="s">
        <v>284</v>
      </c>
      <c r="M26" s="745" t="s">
        <v>322</v>
      </c>
      <c r="N26" s="744" t="s">
        <v>284</v>
      </c>
      <c r="O26" s="745" t="s">
        <v>322</v>
      </c>
      <c r="P26" s="760" t="s">
        <v>284</v>
      </c>
      <c r="Q26" s="745" t="s">
        <v>322</v>
      </c>
      <c r="R26" s="744" t="s">
        <v>284</v>
      </c>
      <c r="S26" s="761" t="s">
        <v>322</v>
      </c>
      <c r="T26" s="760" t="s">
        <v>322</v>
      </c>
      <c r="U26" s="741" t="s">
        <v>322</v>
      </c>
      <c r="V26" s="745" t="s">
        <v>284</v>
      </c>
      <c r="W26" s="744" t="s">
        <v>284</v>
      </c>
      <c r="X26" s="762" t="s">
        <v>284</v>
      </c>
      <c r="Y26" s="754" t="s">
        <v>284</v>
      </c>
      <c r="Z26" s="745" t="s">
        <v>284</v>
      </c>
      <c r="AA26" s="741" t="s">
        <v>284</v>
      </c>
      <c r="AB26" s="744" t="s">
        <v>284</v>
      </c>
      <c r="AC26" s="788" t="s">
        <v>322</v>
      </c>
      <c r="AD26" s="789">
        <v>15</v>
      </c>
      <c r="AE26" s="756">
        <v>0</v>
      </c>
    </row>
    <row r="27" spans="1:31" s="739" customFormat="1" ht="13.5" customHeight="1" outlineLevel="2" thickBot="1" x14ac:dyDescent="0.2">
      <c r="A27" s="792" t="s">
        <v>19</v>
      </c>
      <c r="B27" s="757" t="s">
        <v>333</v>
      </c>
      <c r="C27" s="793" t="s">
        <v>322</v>
      </c>
      <c r="D27" s="794" t="s">
        <v>322</v>
      </c>
      <c r="E27" s="793" t="s">
        <v>322</v>
      </c>
      <c r="F27" s="794" t="s">
        <v>322</v>
      </c>
      <c r="G27" s="795" t="s">
        <v>333</v>
      </c>
      <c r="H27" s="790">
        <v>24</v>
      </c>
      <c r="I27" s="757" t="s">
        <v>322</v>
      </c>
      <c r="J27" s="796" t="s">
        <v>284</v>
      </c>
      <c r="K27" s="794" t="s">
        <v>322</v>
      </c>
      <c r="L27" s="795" t="s">
        <v>284</v>
      </c>
      <c r="M27" s="745" t="s">
        <v>284</v>
      </c>
      <c r="N27" s="793" t="s">
        <v>322</v>
      </c>
      <c r="O27" s="745" t="s">
        <v>284</v>
      </c>
      <c r="P27" s="797" t="s">
        <v>284</v>
      </c>
      <c r="Q27" s="794" t="s">
        <v>284</v>
      </c>
      <c r="R27" s="793" t="s">
        <v>322</v>
      </c>
      <c r="S27" s="798" t="s">
        <v>322</v>
      </c>
      <c r="T27" s="797" t="s">
        <v>284</v>
      </c>
      <c r="U27" s="741" t="s">
        <v>284</v>
      </c>
      <c r="V27" s="794" t="s">
        <v>284</v>
      </c>
      <c r="W27" s="744" t="s">
        <v>322</v>
      </c>
      <c r="X27" s="753" t="s">
        <v>284</v>
      </c>
      <c r="Y27" s="770" t="s">
        <v>284</v>
      </c>
      <c r="Z27" s="764" t="s">
        <v>284</v>
      </c>
      <c r="AA27" s="768" t="s">
        <v>284</v>
      </c>
      <c r="AB27" s="717" t="s">
        <v>284</v>
      </c>
      <c r="AC27" s="791" t="s">
        <v>322</v>
      </c>
      <c r="AD27" s="771">
        <v>36</v>
      </c>
      <c r="AE27" s="772">
        <v>4</v>
      </c>
    </row>
    <row r="28" spans="1:31" s="739" customFormat="1" ht="13.5" customHeight="1" outlineLevel="1" thickBot="1" x14ac:dyDescent="0.2">
      <c r="A28" s="799" t="s">
        <v>18</v>
      </c>
      <c r="B28" s="799">
        <v>2</v>
      </c>
      <c r="C28" s="800">
        <v>18</v>
      </c>
      <c r="D28" s="801">
        <v>16</v>
      </c>
      <c r="E28" s="800">
        <v>19</v>
      </c>
      <c r="F28" s="801">
        <v>19</v>
      </c>
      <c r="G28" s="802">
        <v>8</v>
      </c>
      <c r="H28" s="803" t="s">
        <v>0</v>
      </c>
      <c r="I28" s="799">
        <v>18</v>
      </c>
      <c r="J28" s="804">
        <v>0</v>
      </c>
      <c r="K28" s="801">
        <v>19</v>
      </c>
      <c r="L28" s="802">
        <v>2</v>
      </c>
      <c r="M28" s="801">
        <v>13</v>
      </c>
      <c r="N28" s="800">
        <v>5</v>
      </c>
      <c r="O28" s="801">
        <v>7</v>
      </c>
      <c r="P28" s="805">
        <v>2</v>
      </c>
      <c r="Q28" s="801">
        <v>16</v>
      </c>
      <c r="R28" s="800">
        <v>5</v>
      </c>
      <c r="S28" s="804">
        <v>18</v>
      </c>
      <c r="T28" s="805">
        <v>4</v>
      </c>
      <c r="U28" s="806">
        <v>7</v>
      </c>
      <c r="V28" s="801">
        <v>0</v>
      </c>
      <c r="W28" s="800">
        <v>13</v>
      </c>
      <c r="X28" s="807">
        <v>1</v>
      </c>
      <c r="Y28" s="808">
        <v>8</v>
      </c>
      <c r="Z28" s="801">
        <v>3</v>
      </c>
      <c r="AA28" s="806">
        <v>1</v>
      </c>
      <c r="AB28" s="800">
        <v>1</v>
      </c>
      <c r="AC28" s="809">
        <v>19</v>
      </c>
      <c r="AD28" s="810">
        <v>996</v>
      </c>
      <c r="AE28" s="811">
        <v>54</v>
      </c>
    </row>
    <row r="29" spans="1:31" s="739" customFormat="1" ht="13.5" customHeight="1" outlineLevel="2" x14ac:dyDescent="0.15">
      <c r="A29" s="723" t="s">
        <v>17</v>
      </c>
      <c r="B29" s="773" t="s">
        <v>333</v>
      </c>
      <c r="C29" s="774" t="s">
        <v>322</v>
      </c>
      <c r="D29" s="745" t="s">
        <v>322</v>
      </c>
      <c r="E29" s="774" t="s">
        <v>333</v>
      </c>
      <c r="F29" s="745" t="s">
        <v>322</v>
      </c>
      <c r="G29" s="731" t="s">
        <v>333</v>
      </c>
      <c r="H29" s="729">
        <v>28</v>
      </c>
      <c r="I29" s="773" t="s">
        <v>322</v>
      </c>
      <c r="J29" s="777" t="s">
        <v>284</v>
      </c>
      <c r="K29" s="775" t="s">
        <v>322</v>
      </c>
      <c r="L29" s="778" t="s">
        <v>284</v>
      </c>
      <c r="M29" s="745" t="s">
        <v>284</v>
      </c>
      <c r="N29" s="774" t="s">
        <v>284</v>
      </c>
      <c r="O29" s="775" t="s">
        <v>322</v>
      </c>
      <c r="P29" s="779" t="s">
        <v>322</v>
      </c>
      <c r="Q29" s="775" t="s">
        <v>322</v>
      </c>
      <c r="R29" s="774" t="s">
        <v>284</v>
      </c>
      <c r="S29" s="780" t="s">
        <v>322</v>
      </c>
      <c r="T29" s="760" t="s">
        <v>322</v>
      </c>
      <c r="U29" s="741" t="s">
        <v>284</v>
      </c>
      <c r="V29" s="794" t="s">
        <v>284</v>
      </c>
      <c r="W29" s="744" t="s">
        <v>322</v>
      </c>
      <c r="X29" s="782" t="s">
        <v>284</v>
      </c>
      <c r="Y29" s="729" t="s">
        <v>322</v>
      </c>
      <c r="Z29" s="726" t="s">
        <v>284</v>
      </c>
      <c r="AA29" s="724" t="s">
        <v>284</v>
      </c>
      <c r="AB29" s="725" t="s">
        <v>284</v>
      </c>
      <c r="AC29" s="785" t="s">
        <v>322</v>
      </c>
      <c r="AD29" s="786">
        <v>5</v>
      </c>
      <c r="AE29" s="738">
        <v>0</v>
      </c>
    </row>
    <row r="30" spans="1:31" s="739" customFormat="1" ht="13.5" customHeight="1" outlineLevel="2" x14ac:dyDescent="0.15">
      <c r="A30" s="740" t="s">
        <v>16</v>
      </c>
      <c r="B30" s="757" t="s">
        <v>333</v>
      </c>
      <c r="C30" s="744" t="s">
        <v>322</v>
      </c>
      <c r="D30" s="745" t="s">
        <v>322</v>
      </c>
      <c r="E30" s="744" t="s">
        <v>322</v>
      </c>
      <c r="F30" s="745" t="s">
        <v>322</v>
      </c>
      <c r="G30" s="746" t="s">
        <v>333</v>
      </c>
      <c r="H30" s="754">
        <v>14</v>
      </c>
      <c r="I30" s="812" t="s">
        <v>284</v>
      </c>
      <c r="J30" s="759" t="s">
        <v>284</v>
      </c>
      <c r="K30" s="745" t="s">
        <v>322</v>
      </c>
      <c r="L30" s="746" t="s">
        <v>284</v>
      </c>
      <c r="M30" s="745" t="s">
        <v>284</v>
      </c>
      <c r="N30" s="744" t="s">
        <v>284</v>
      </c>
      <c r="O30" s="745"/>
      <c r="P30" s="760" t="s">
        <v>322</v>
      </c>
      <c r="Q30" s="745" t="s">
        <v>322</v>
      </c>
      <c r="R30" s="744" t="s">
        <v>284</v>
      </c>
      <c r="S30" s="780" t="s">
        <v>322</v>
      </c>
      <c r="T30" s="760" t="s">
        <v>322</v>
      </c>
      <c r="U30" s="741" t="s">
        <v>284</v>
      </c>
      <c r="V30" s="745" t="s">
        <v>284</v>
      </c>
      <c r="W30" s="744" t="s">
        <v>322</v>
      </c>
      <c r="X30" s="762" t="s">
        <v>284</v>
      </c>
      <c r="Y30" s="754" t="s">
        <v>284</v>
      </c>
      <c r="Z30" s="745" t="s">
        <v>284</v>
      </c>
      <c r="AA30" s="741" t="s">
        <v>284</v>
      </c>
      <c r="AB30" s="744" t="s">
        <v>322</v>
      </c>
      <c r="AC30" s="788" t="s">
        <v>322</v>
      </c>
      <c r="AD30" s="789">
        <v>38</v>
      </c>
      <c r="AE30" s="756">
        <v>0</v>
      </c>
    </row>
    <row r="31" spans="1:31" s="739" customFormat="1" ht="13.5" customHeight="1" outlineLevel="2" x14ac:dyDescent="0.15">
      <c r="A31" s="740" t="s">
        <v>15</v>
      </c>
      <c r="B31" s="757" t="s">
        <v>333</v>
      </c>
      <c r="C31" s="744" t="s">
        <v>322</v>
      </c>
      <c r="D31" s="744" t="s">
        <v>322</v>
      </c>
      <c r="E31" s="744" t="s">
        <v>322</v>
      </c>
      <c r="F31" s="745" t="s">
        <v>322</v>
      </c>
      <c r="G31" s="746" t="s">
        <v>322</v>
      </c>
      <c r="H31" s="754">
        <v>19</v>
      </c>
      <c r="I31" s="741" t="s">
        <v>284</v>
      </c>
      <c r="J31" s="813" t="s">
        <v>284</v>
      </c>
      <c r="K31" s="745" t="s">
        <v>322</v>
      </c>
      <c r="L31" s="746" t="s">
        <v>284</v>
      </c>
      <c r="M31" s="745" t="s">
        <v>284</v>
      </c>
      <c r="N31" s="744" t="s">
        <v>284</v>
      </c>
      <c r="O31" s="745"/>
      <c r="P31" s="760" t="s">
        <v>322</v>
      </c>
      <c r="Q31" s="745" t="s">
        <v>322</v>
      </c>
      <c r="R31" s="744" t="s">
        <v>284</v>
      </c>
      <c r="S31" s="761" t="s">
        <v>322</v>
      </c>
      <c r="T31" s="760" t="s">
        <v>322</v>
      </c>
      <c r="U31" s="741" t="s">
        <v>284</v>
      </c>
      <c r="V31" s="745" t="s">
        <v>284</v>
      </c>
      <c r="W31" s="744" t="s">
        <v>322</v>
      </c>
      <c r="X31" s="762" t="s">
        <v>322</v>
      </c>
      <c r="Y31" s="754" t="s">
        <v>322</v>
      </c>
      <c r="Z31" s="745" t="s">
        <v>284</v>
      </c>
      <c r="AA31" s="741" t="s">
        <v>284</v>
      </c>
      <c r="AB31" s="744" t="s">
        <v>284</v>
      </c>
      <c r="AC31" s="788" t="s">
        <v>322</v>
      </c>
      <c r="AD31" s="789">
        <v>18</v>
      </c>
      <c r="AE31" s="756">
        <v>0</v>
      </c>
    </row>
    <row r="32" spans="1:31" s="739" customFormat="1" ht="13.5" customHeight="1" outlineLevel="2" thickBot="1" x14ac:dyDescent="0.2">
      <c r="A32" s="763" t="s">
        <v>14</v>
      </c>
      <c r="B32" s="812" t="s">
        <v>333</v>
      </c>
      <c r="C32" s="793" t="s">
        <v>322</v>
      </c>
      <c r="D32" s="794" t="s">
        <v>322</v>
      </c>
      <c r="E32" s="793" t="s">
        <v>322</v>
      </c>
      <c r="F32" s="794" t="s">
        <v>322</v>
      </c>
      <c r="G32" s="795" t="s">
        <v>322</v>
      </c>
      <c r="H32" s="770">
        <v>16</v>
      </c>
      <c r="I32" s="748" t="s">
        <v>284</v>
      </c>
      <c r="J32" s="796" t="s">
        <v>284</v>
      </c>
      <c r="K32" s="794" t="s">
        <v>322</v>
      </c>
      <c r="L32" s="765" t="s">
        <v>284</v>
      </c>
      <c r="M32" s="794" t="s">
        <v>284</v>
      </c>
      <c r="N32" s="793" t="s">
        <v>284</v>
      </c>
      <c r="O32" s="794"/>
      <c r="P32" s="797" t="s">
        <v>322</v>
      </c>
      <c r="Q32" s="794" t="s">
        <v>322</v>
      </c>
      <c r="R32" s="793" t="s">
        <v>284</v>
      </c>
      <c r="S32" s="798" t="s">
        <v>322</v>
      </c>
      <c r="T32" s="797" t="s">
        <v>322</v>
      </c>
      <c r="U32" s="814" t="s">
        <v>284</v>
      </c>
      <c r="V32" s="794" t="s">
        <v>284</v>
      </c>
      <c r="W32" s="793"/>
      <c r="X32" s="753" t="s">
        <v>322</v>
      </c>
      <c r="Y32" s="770" t="s">
        <v>284</v>
      </c>
      <c r="Z32" s="764" t="s">
        <v>284</v>
      </c>
      <c r="AA32" s="768" t="s">
        <v>284</v>
      </c>
      <c r="AB32" s="717" t="s">
        <v>284</v>
      </c>
      <c r="AC32" s="791" t="s">
        <v>322</v>
      </c>
      <c r="AD32" s="771">
        <v>7</v>
      </c>
      <c r="AE32" s="772">
        <v>0</v>
      </c>
    </row>
    <row r="33" spans="1:31" s="739" customFormat="1" ht="13.5" customHeight="1" outlineLevel="2" x14ac:dyDescent="0.15">
      <c r="A33" s="723" t="s">
        <v>13</v>
      </c>
      <c r="B33" s="784" t="s">
        <v>333</v>
      </c>
      <c r="C33" s="725" t="s">
        <v>322</v>
      </c>
      <c r="D33" s="726" t="s">
        <v>322</v>
      </c>
      <c r="E33" s="725" t="s">
        <v>322</v>
      </c>
      <c r="F33" s="726" t="s">
        <v>322</v>
      </c>
      <c r="G33" s="731" t="s">
        <v>322</v>
      </c>
      <c r="H33" s="815">
        <v>16</v>
      </c>
      <c r="I33" s="784" t="s">
        <v>322</v>
      </c>
      <c r="J33" s="730" t="s">
        <v>284</v>
      </c>
      <c r="K33" s="726" t="s">
        <v>322</v>
      </c>
      <c r="L33" s="778" t="s">
        <v>284</v>
      </c>
      <c r="M33" s="726" t="s">
        <v>284</v>
      </c>
      <c r="N33" s="725" t="s">
        <v>322</v>
      </c>
      <c r="O33" s="726" t="s">
        <v>284</v>
      </c>
      <c r="P33" s="733" t="s">
        <v>284</v>
      </c>
      <c r="Q33" s="726" t="s">
        <v>284</v>
      </c>
      <c r="R33" s="725" t="s">
        <v>322</v>
      </c>
      <c r="S33" s="732" t="s">
        <v>322</v>
      </c>
      <c r="T33" s="733" t="s">
        <v>322</v>
      </c>
      <c r="U33" s="724" t="s">
        <v>284</v>
      </c>
      <c r="V33" s="726" t="s">
        <v>322</v>
      </c>
      <c r="W33" s="725" t="s">
        <v>322</v>
      </c>
      <c r="X33" s="735" t="s">
        <v>284</v>
      </c>
      <c r="Y33" s="729" t="s">
        <v>284</v>
      </c>
      <c r="Z33" s="726" t="s">
        <v>284</v>
      </c>
      <c r="AA33" s="724" t="s">
        <v>284</v>
      </c>
      <c r="AB33" s="725" t="s">
        <v>284</v>
      </c>
      <c r="AC33" s="785" t="s">
        <v>322</v>
      </c>
      <c r="AD33" s="786">
        <v>16</v>
      </c>
      <c r="AE33" s="738">
        <v>0</v>
      </c>
    </row>
    <row r="34" spans="1:31" s="739" customFormat="1" ht="13.5" customHeight="1" outlineLevel="2" x14ac:dyDescent="0.15">
      <c r="A34" s="740" t="s">
        <v>12</v>
      </c>
      <c r="B34" s="757" t="s">
        <v>333</v>
      </c>
      <c r="C34" s="744" t="s">
        <v>322</v>
      </c>
      <c r="D34" s="745" t="s">
        <v>322</v>
      </c>
      <c r="E34" s="744" t="s">
        <v>322</v>
      </c>
      <c r="F34" s="745" t="s">
        <v>322</v>
      </c>
      <c r="G34" s="746" t="s">
        <v>322</v>
      </c>
      <c r="H34" s="754">
        <v>13</v>
      </c>
      <c r="I34" s="757" t="s">
        <v>284</v>
      </c>
      <c r="J34" s="759" t="s">
        <v>284</v>
      </c>
      <c r="K34" s="745" t="s">
        <v>322</v>
      </c>
      <c r="L34" s="746" t="s">
        <v>284</v>
      </c>
      <c r="M34" s="745" t="s">
        <v>284</v>
      </c>
      <c r="N34" s="744" t="s">
        <v>322</v>
      </c>
      <c r="O34" s="745" t="s">
        <v>284</v>
      </c>
      <c r="P34" s="760" t="s">
        <v>284</v>
      </c>
      <c r="Q34" s="745" t="s">
        <v>284</v>
      </c>
      <c r="R34" s="744" t="s">
        <v>322</v>
      </c>
      <c r="S34" s="761" t="s">
        <v>322</v>
      </c>
      <c r="T34" s="760" t="s">
        <v>322</v>
      </c>
      <c r="U34" s="741" t="s">
        <v>284</v>
      </c>
      <c r="V34" s="745" t="s">
        <v>322</v>
      </c>
      <c r="W34" s="744" t="s">
        <v>322</v>
      </c>
      <c r="X34" s="762" t="s">
        <v>284</v>
      </c>
      <c r="Y34" s="754" t="s">
        <v>322</v>
      </c>
      <c r="Z34" s="745" t="s">
        <v>284</v>
      </c>
      <c r="AA34" s="741" t="s">
        <v>284</v>
      </c>
      <c r="AB34" s="744" t="s">
        <v>284</v>
      </c>
      <c r="AC34" s="788" t="s">
        <v>322</v>
      </c>
      <c r="AD34" s="789">
        <v>19</v>
      </c>
      <c r="AE34" s="756">
        <v>1</v>
      </c>
    </row>
    <row r="35" spans="1:31" s="739" customFormat="1" ht="13.5" customHeight="1" outlineLevel="2" x14ac:dyDescent="0.15">
      <c r="A35" s="740" t="s">
        <v>11</v>
      </c>
      <c r="B35" s="757" t="s">
        <v>333</v>
      </c>
      <c r="C35" s="744" t="s">
        <v>322</v>
      </c>
      <c r="D35" s="745" t="s">
        <v>322</v>
      </c>
      <c r="E35" s="744" t="s">
        <v>322</v>
      </c>
      <c r="F35" s="745" t="s">
        <v>322</v>
      </c>
      <c r="G35" s="746" t="s">
        <v>322</v>
      </c>
      <c r="H35" s="754">
        <v>14</v>
      </c>
      <c r="I35" s="757" t="s">
        <v>284</v>
      </c>
      <c r="J35" s="759" t="s">
        <v>284</v>
      </c>
      <c r="K35" s="745" t="s">
        <v>322</v>
      </c>
      <c r="L35" s="746" t="s">
        <v>284</v>
      </c>
      <c r="M35" s="745" t="s">
        <v>284</v>
      </c>
      <c r="N35" s="744" t="s">
        <v>322</v>
      </c>
      <c r="O35" s="745" t="s">
        <v>284</v>
      </c>
      <c r="P35" s="760" t="s">
        <v>284</v>
      </c>
      <c r="Q35" s="745" t="s">
        <v>284</v>
      </c>
      <c r="R35" s="744" t="s">
        <v>322</v>
      </c>
      <c r="S35" s="761" t="s">
        <v>322</v>
      </c>
      <c r="T35" s="760" t="s">
        <v>322</v>
      </c>
      <c r="U35" s="741" t="s">
        <v>284</v>
      </c>
      <c r="V35" s="745" t="s">
        <v>322</v>
      </c>
      <c r="W35" s="744" t="s">
        <v>322</v>
      </c>
      <c r="X35" s="762" t="s">
        <v>284</v>
      </c>
      <c r="Y35" s="754" t="s">
        <v>322</v>
      </c>
      <c r="Z35" s="745" t="s">
        <v>284</v>
      </c>
      <c r="AA35" s="741" t="s">
        <v>284</v>
      </c>
      <c r="AB35" s="744" t="s">
        <v>284</v>
      </c>
      <c r="AC35" s="788" t="s">
        <v>322</v>
      </c>
      <c r="AD35" s="789">
        <v>13</v>
      </c>
      <c r="AE35" s="756">
        <v>1</v>
      </c>
    </row>
    <row r="36" spans="1:31" s="739" customFormat="1" ht="13.5" customHeight="1" outlineLevel="2" x14ac:dyDescent="0.15">
      <c r="A36" s="740" t="s">
        <v>10</v>
      </c>
      <c r="B36" s="757" t="s">
        <v>333</v>
      </c>
      <c r="C36" s="744" t="s">
        <v>322</v>
      </c>
      <c r="D36" s="745" t="s">
        <v>322</v>
      </c>
      <c r="E36" s="744" t="s">
        <v>322</v>
      </c>
      <c r="F36" s="745" t="s">
        <v>322</v>
      </c>
      <c r="G36" s="746" t="s">
        <v>322</v>
      </c>
      <c r="H36" s="754">
        <v>16</v>
      </c>
      <c r="I36" s="757" t="s">
        <v>284</v>
      </c>
      <c r="J36" s="759" t="s">
        <v>284</v>
      </c>
      <c r="K36" s="745" t="s">
        <v>322</v>
      </c>
      <c r="L36" s="746" t="s">
        <v>284</v>
      </c>
      <c r="M36" s="745" t="s">
        <v>284</v>
      </c>
      <c r="N36" s="744" t="s">
        <v>322</v>
      </c>
      <c r="O36" s="745" t="s">
        <v>284</v>
      </c>
      <c r="P36" s="760" t="s">
        <v>284</v>
      </c>
      <c r="Q36" s="745" t="s">
        <v>284</v>
      </c>
      <c r="R36" s="744" t="s">
        <v>322</v>
      </c>
      <c r="S36" s="761" t="s">
        <v>322</v>
      </c>
      <c r="T36" s="760" t="s">
        <v>322</v>
      </c>
      <c r="U36" s="741" t="s">
        <v>284</v>
      </c>
      <c r="V36" s="745" t="s">
        <v>284</v>
      </c>
      <c r="W36" s="744" t="s">
        <v>322</v>
      </c>
      <c r="X36" s="762" t="s">
        <v>284</v>
      </c>
      <c r="Y36" s="754" t="s">
        <v>322</v>
      </c>
      <c r="Z36" s="757" t="s">
        <v>284</v>
      </c>
      <c r="AA36" s="741" t="s">
        <v>284</v>
      </c>
      <c r="AB36" s="744" t="s">
        <v>284</v>
      </c>
      <c r="AC36" s="788" t="s">
        <v>322</v>
      </c>
      <c r="AD36" s="789">
        <v>24</v>
      </c>
      <c r="AE36" s="756">
        <v>1</v>
      </c>
    </row>
    <row r="37" spans="1:31" s="739" customFormat="1" ht="13.5" customHeight="1" outlineLevel="2" thickBot="1" x14ac:dyDescent="0.2">
      <c r="A37" s="763" t="s">
        <v>9</v>
      </c>
      <c r="B37" s="716" t="s">
        <v>333</v>
      </c>
      <c r="C37" s="717" t="s">
        <v>322</v>
      </c>
      <c r="D37" s="764" t="s">
        <v>322</v>
      </c>
      <c r="E37" s="717" t="s">
        <v>322</v>
      </c>
      <c r="F37" s="764" t="s">
        <v>322</v>
      </c>
      <c r="G37" s="765" t="s">
        <v>333</v>
      </c>
      <c r="H37" s="816">
        <v>19</v>
      </c>
      <c r="I37" s="716" t="s">
        <v>284</v>
      </c>
      <c r="J37" s="713" t="s">
        <v>284</v>
      </c>
      <c r="K37" s="764" t="s">
        <v>322</v>
      </c>
      <c r="L37" s="765" t="s">
        <v>322</v>
      </c>
      <c r="M37" s="764" t="s">
        <v>284</v>
      </c>
      <c r="N37" s="717" t="s">
        <v>322</v>
      </c>
      <c r="O37" s="764" t="s">
        <v>284</v>
      </c>
      <c r="P37" s="714" t="s">
        <v>284</v>
      </c>
      <c r="Q37" s="764" t="s">
        <v>322</v>
      </c>
      <c r="R37" s="717" t="s">
        <v>322</v>
      </c>
      <c r="S37" s="767" t="s">
        <v>322</v>
      </c>
      <c r="T37" s="714" t="s">
        <v>284</v>
      </c>
      <c r="U37" s="768" t="s">
        <v>284</v>
      </c>
      <c r="V37" s="764" t="s">
        <v>284</v>
      </c>
      <c r="W37" s="717" t="s">
        <v>322</v>
      </c>
      <c r="X37" s="714" t="s">
        <v>284</v>
      </c>
      <c r="Y37" s="770" t="s">
        <v>322</v>
      </c>
      <c r="Z37" s="764" t="s">
        <v>284</v>
      </c>
      <c r="AA37" s="768" t="s">
        <v>284</v>
      </c>
      <c r="AB37" s="717" t="s">
        <v>284</v>
      </c>
      <c r="AC37" s="791" t="s">
        <v>322</v>
      </c>
      <c r="AD37" s="771">
        <v>19</v>
      </c>
      <c r="AE37" s="772">
        <v>0</v>
      </c>
    </row>
    <row r="38" spans="1:31" s="739" customFormat="1" ht="13.5" customHeight="1" outlineLevel="2" x14ac:dyDescent="0.15">
      <c r="A38" s="723" t="s">
        <v>8</v>
      </c>
      <c r="B38" s="773" t="s">
        <v>333</v>
      </c>
      <c r="C38" s="774" t="s">
        <v>322</v>
      </c>
      <c r="D38" s="775" t="s">
        <v>322</v>
      </c>
      <c r="E38" s="774" t="s">
        <v>322</v>
      </c>
      <c r="F38" s="775" t="s">
        <v>322</v>
      </c>
      <c r="G38" s="731" t="s">
        <v>333</v>
      </c>
      <c r="H38" s="729">
        <v>17</v>
      </c>
      <c r="I38" s="773" t="s">
        <v>284</v>
      </c>
      <c r="J38" s="777" t="s">
        <v>284</v>
      </c>
      <c r="K38" s="775" t="s">
        <v>322</v>
      </c>
      <c r="L38" s="778" t="s">
        <v>284</v>
      </c>
      <c r="M38" s="775" t="s">
        <v>322</v>
      </c>
      <c r="N38" s="774" t="s">
        <v>284</v>
      </c>
      <c r="O38" s="775" t="s">
        <v>322</v>
      </c>
      <c r="P38" s="779" t="s">
        <v>284</v>
      </c>
      <c r="Q38" s="775" t="s">
        <v>322</v>
      </c>
      <c r="R38" s="774" t="s">
        <v>284</v>
      </c>
      <c r="S38" s="780" t="s">
        <v>322</v>
      </c>
      <c r="T38" s="779" t="s">
        <v>284</v>
      </c>
      <c r="U38" s="781" t="s">
        <v>322</v>
      </c>
      <c r="V38" s="775" t="s">
        <v>284</v>
      </c>
      <c r="W38" s="774" t="s">
        <v>284</v>
      </c>
      <c r="X38" s="782" t="s">
        <v>284</v>
      </c>
      <c r="Y38" s="729" t="s">
        <v>284</v>
      </c>
      <c r="Z38" s="726" t="s">
        <v>284</v>
      </c>
      <c r="AA38" s="724" t="s">
        <v>284</v>
      </c>
      <c r="AB38" s="725" t="s">
        <v>284</v>
      </c>
      <c r="AC38" s="785" t="s">
        <v>322</v>
      </c>
      <c r="AD38" s="786">
        <v>4</v>
      </c>
      <c r="AE38" s="738">
        <v>0</v>
      </c>
    </row>
    <row r="39" spans="1:31" s="739" customFormat="1" ht="13.5" customHeight="1" outlineLevel="2" x14ac:dyDescent="0.15">
      <c r="A39" s="740" t="s">
        <v>7</v>
      </c>
      <c r="B39" s="757" t="s">
        <v>333</v>
      </c>
      <c r="C39" s="744" t="s">
        <v>322</v>
      </c>
      <c r="D39" s="745" t="s">
        <v>322</v>
      </c>
      <c r="E39" s="744" t="s">
        <v>322</v>
      </c>
      <c r="F39" s="745" t="s">
        <v>322</v>
      </c>
      <c r="G39" s="746" t="s">
        <v>333</v>
      </c>
      <c r="H39" s="754">
        <v>11</v>
      </c>
      <c r="I39" s="757" t="s">
        <v>284</v>
      </c>
      <c r="J39" s="759" t="s">
        <v>284</v>
      </c>
      <c r="K39" s="745" t="s">
        <v>322</v>
      </c>
      <c r="L39" s="746" t="s">
        <v>284</v>
      </c>
      <c r="M39" s="745" t="s">
        <v>284</v>
      </c>
      <c r="N39" s="744" t="s">
        <v>322</v>
      </c>
      <c r="O39" s="745" t="s">
        <v>284</v>
      </c>
      <c r="P39" s="760" t="s">
        <v>284</v>
      </c>
      <c r="Q39" s="745" t="s">
        <v>284</v>
      </c>
      <c r="R39" s="744" t="s">
        <v>322</v>
      </c>
      <c r="S39" s="761" t="s">
        <v>322</v>
      </c>
      <c r="T39" s="760" t="s">
        <v>284</v>
      </c>
      <c r="U39" s="741" t="s">
        <v>284</v>
      </c>
      <c r="V39" s="745" t="s">
        <v>322</v>
      </c>
      <c r="W39" s="744" t="s">
        <v>322</v>
      </c>
      <c r="X39" s="762" t="s">
        <v>284</v>
      </c>
      <c r="Y39" s="754" t="s">
        <v>322</v>
      </c>
      <c r="Z39" s="745" t="s">
        <v>284</v>
      </c>
      <c r="AA39" s="741" t="s">
        <v>284</v>
      </c>
      <c r="AB39" s="744" t="s">
        <v>284</v>
      </c>
      <c r="AC39" s="788" t="s">
        <v>322</v>
      </c>
      <c r="AD39" s="789">
        <v>10</v>
      </c>
      <c r="AE39" s="756">
        <v>0</v>
      </c>
    </row>
    <row r="40" spans="1:31" s="739" customFormat="1" ht="13.5" customHeight="1" outlineLevel="2" x14ac:dyDescent="0.15">
      <c r="A40" s="740" t="s">
        <v>6</v>
      </c>
      <c r="B40" s="757" t="s">
        <v>333</v>
      </c>
      <c r="C40" s="744" t="s">
        <v>322</v>
      </c>
      <c r="D40" s="745" t="s">
        <v>322</v>
      </c>
      <c r="E40" s="744" t="s">
        <v>322</v>
      </c>
      <c r="F40" s="745" t="s">
        <v>322</v>
      </c>
      <c r="G40" s="746" t="s">
        <v>333</v>
      </c>
      <c r="H40" s="754">
        <v>17</v>
      </c>
      <c r="I40" s="757" t="s">
        <v>322</v>
      </c>
      <c r="J40" s="759" t="s">
        <v>284</v>
      </c>
      <c r="K40" s="745" t="s">
        <v>322</v>
      </c>
      <c r="L40" s="746" t="s">
        <v>284</v>
      </c>
      <c r="M40" s="745" t="s">
        <v>284</v>
      </c>
      <c r="N40" s="744" t="s">
        <v>322</v>
      </c>
      <c r="O40" s="745" t="s">
        <v>284</v>
      </c>
      <c r="P40" s="760" t="s">
        <v>284</v>
      </c>
      <c r="Q40" s="745" t="s">
        <v>284</v>
      </c>
      <c r="R40" s="744" t="s">
        <v>322</v>
      </c>
      <c r="S40" s="761" t="s">
        <v>322</v>
      </c>
      <c r="T40" s="760" t="s">
        <v>284</v>
      </c>
      <c r="U40" s="741" t="s">
        <v>284</v>
      </c>
      <c r="V40" s="745" t="s">
        <v>322</v>
      </c>
      <c r="W40" s="744" t="s">
        <v>322</v>
      </c>
      <c r="X40" s="762" t="s">
        <v>284</v>
      </c>
      <c r="Y40" s="754" t="s">
        <v>322</v>
      </c>
      <c r="Z40" s="745" t="s">
        <v>284</v>
      </c>
      <c r="AA40" s="741" t="s">
        <v>284</v>
      </c>
      <c r="AB40" s="744" t="s">
        <v>284</v>
      </c>
      <c r="AC40" s="788" t="s">
        <v>322</v>
      </c>
      <c r="AD40" s="789">
        <v>11</v>
      </c>
      <c r="AE40" s="756">
        <v>0</v>
      </c>
    </row>
    <row r="41" spans="1:31" s="739" customFormat="1" ht="13.5" customHeight="1" outlineLevel="2" x14ac:dyDescent="0.15">
      <c r="A41" s="740" t="s">
        <v>5</v>
      </c>
      <c r="B41" s="757" t="s">
        <v>333</v>
      </c>
      <c r="C41" s="744" t="s">
        <v>322</v>
      </c>
      <c r="D41" s="745" t="s">
        <v>333</v>
      </c>
      <c r="E41" s="744" t="s">
        <v>322</v>
      </c>
      <c r="F41" s="745" t="s">
        <v>322</v>
      </c>
      <c r="G41" s="746" t="s">
        <v>333</v>
      </c>
      <c r="H41" s="754">
        <v>14</v>
      </c>
      <c r="I41" s="757" t="s">
        <v>322</v>
      </c>
      <c r="J41" s="759" t="s">
        <v>284</v>
      </c>
      <c r="K41" s="745" t="s">
        <v>322</v>
      </c>
      <c r="L41" s="746" t="s">
        <v>284</v>
      </c>
      <c r="M41" s="745" t="s">
        <v>284</v>
      </c>
      <c r="N41" s="744" t="s">
        <v>284</v>
      </c>
      <c r="O41" s="745" t="s">
        <v>322</v>
      </c>
      <c r="P41" s="797" t="s">
        <v>322</v>
      </c>
      <c r="Q41" s="745" t="s">
        <v>322</v>
      </c>
      <c r="R41" s="744" t="s">
        <v>284</v>
      </c>
      <c r="S41" s="761" t="s">
        <v>322</v>
      </c>
      <c r="T41" s="760" t="s">
        <v>284</v>
      </c>
      <c r="U41" s="741" t="s">
        <v>284</v>
      </c>
      <c r="V41" s="745" t="s">
        <v>284</v>
      </c>
      <c r="W41" s="744" t="s">
        <v>322</v>
      </c>
      <c r="X41" s="762" t="s">
        <v>284</v>
      </c>
      <c r="Y41" s="754" t="s">
        <v>322</v>
      </c>
      <c r="Z41" s="757" t="s">
        <v>284</v>
      </c>
      <c r="AA41" s="741" t="s">
        <v>284</v>
      </c>
      <c r="AB41" s="744" t="s">
        <v>284</v>
      </c>
      <c r="AC41" s="788" t="s">
        <v>322</v>
      </c>
      <c r="AD41" s="789">
        <v>15</v>
      </c>
      <c r="AE41" s="756">
        <v>4</v>
      </c>
    </row>
    <row r="42" spans="1:31" s="739" customFormat="1" ht="13.5" customHeight="1" outlineLevel="2" thickBot="1" x14ac:dyDescent="0.2">
      <c r="A42" s="763" t="s">
        <v>4</v>
      </c>
      <c r="B42" s="716" t="s">
        <v>333</v>
      </c>
      <c r="C42" s="717" t="s">
        <v>322</v>
      </c>
      <c r="D42" s="764" t="s">
        <v>333</v>
      </c>
      <c r="E42" s="717" t="s">
        <v>322</v>
      </c>
      <c r="F42" s="764" t="s">
        <v>322</v>
      </c>
      <c r="G42" s="765" t="s">
        <v>322</v>
      </c>
      <c r="H42" s="770">
        <v>18</v>
      </c>
      <c r="I42" s="716" t="s">
        <v>322</v>
      </c>
      <c r="J42" s="713" t="s">
        <v>284</v>
      </c>
      <c r="K42" s="764" t="s">
        <v>322</v>
      </c>
      <c r="L42" s="765" t="s">
        <v>284</v>
      </c>
      <c r="M42" s="764" t="s">
        <v>284</v>
      </c>
      <c r="N42" s="717" t="s">
        <v>284</v>
      </c>
      <c r="O42" s="745"/>
      <c r="P42" s="714" t="s">
        <v>322</v>
      </c>
      <c r="Q42" s="764" t="s">
        <v>284</v>
      </c>
      <c r="R42" s="717" t="s">
        <v>284</v>
      </c>
      <c r="S42" s="767" t="s">
        <v>322</v>
      </c>
      <c r="T42" s="714" t="s">
        <v>322</v>
      </c>
      <c r="U42" s="768" t="s">
        <v>284</v>
      </c>
      <c r="V42" s="764" t="s">
        <v>284</v>
      </c>
      <c r="W42" s="717" t="s">
        <v>322</v>
      </c>
      <c r="X42" s="769" t="s">
        <v>284</v>
      </c>
      <c r="Y42" s="770" t="s">
        <v>284</v>
      </c>
      <c r="Z42" s="764" t="s">
        <v>284</v>
      </c>
      <c r="AA42" s="741" t="s">
        <v>322</v>
      </c>
      <c r="AB42" s="744" t="s">
        <v>284</v>
      </c>
      <c r="AC42" s="788" t="s">
        <v>322</v>
      </c>
      <c r="AD42" s="771">
        <v>1</v>
      </c>
      <c r="AE42" s="772">
        <v>0</v>
      </c>
    </row>
    <row r="43" spans="1:31" s="739" customFormat="1" ht="13.5" customHeight="1" outlineLevel="1" thickBot="1" x14ac:dyDescent="0.2">
      <c r="A43" s="799" t="s">
        <v>65</v>
      </c>
      <c r="B43" s="799">
        <v>0</v>
      </c>
      <c r="C43" s="809">
        <v>14</v>
      </c>
      <c r="D43" s="800">
        <v>12</v>
      </c>
      <c r="E43" s="800">
        <v>13</v>
      </c>
      <c r="F43" s="801">
        <v>14</v>
      </c>
      <c r="G43" s="802">
        <v>7</v>
      </c>
      <c r="H43" s="718" t="s">
        <v>0</v>
      </c>
      <c r="I43" s="799">
        <v>5</v>
      </c>
      <c r="J43" s="804">
        <v>0</v>
      </c>
      <c r="K43" s="801">
        <v>14</v>
      </c>
      <c r="L43" s="802">
        <v>1</v>
      </c>
      <c r="M43" s="801">
        <v>1</v>
      </c>
      <c r="N43" s="800">
        <v>7</v>
      </c>
      <c r="O43" s="801">
        <v>3</v>
      </c>
      <c r="P43" s="805">
        <v>6</v>
      </c>
      <c r="Q43" s="801">
        <v>7</v>
      </c>
      <c r="R43" s="800">
        <v>7</v>
      </c>
      <c r="S43" s="804">
        <v>14</v>
      </c>
      <c r="T43" s="817">
        <v>9</v>
      </c>
      <c r="U43" s="806">
        <v>1</v>
      </c>
      <c r="V43" s="801">
        <v>5</v>
      </c>
      <c r="W43" s="800">
        <v>12</v>
      </c>
      <c r="X43" s="807">
        <v>2</v>
      </c>
      <c r="Y43" s="818">
        <v>9</v>
      </c>
      <c r="Z43" s="743">
        <v>0</v>
      </c>
      <c r="AA43" s="806">
        <v>1</v>
      </c>
      <c r="AB43" s="800">
        <v>1</v>
      </c>
      <c r="AC43" s="802">
        <v>14</v>
      </c>
      <c r="AD43" s="810">
        <v>200</v>
      </c>
      <c r="AE43" s="811">
        <v>7</v>
      </c>
    </row>
    <row r="44" spans="1:31" s="739" customFormat="1" ht="13.5" customHeight="1" thickBot="1" x14ac:dyDescent="0.2">
      <c r="A44" s="819" t="s">
        <v>148</v>
      </c>
      <c r="B44" s="819">
        <v>2</v>
      </c>
      <c r="C44" s="820">
        <v>32</v>
      </c>
      <c r="D44" s="821">
        <v>28</v>
      </c>
      <c r="E44" s="821">
        <v>32</v>
      </c>
      <c r="F44" s="718">
        <v>33</v>
      </c>
      <c r="G44" s="822">
        <v>15</v>
      </c>
      <c r="H44" s="718" t="s">
        <v>0</v>
      </c>
      <c r="I44" s="819">
        <v>23</v>
      </c>
      <c r="J44" s="823">
        <v>0</v>
      </c>
      <c r="K44" s="718">
        <v>33</v>
      </c>
      <c r="L44" s="822">
        <v>3</v>
      </c>
      <c r="M44" s="718">
        <v>14</v>
      </c>
      <c r="N44" s="821">
        <v>12</v>
      </c>
      <c r="O44" s="718">
        <v>10</v>
      </c>
      <c r="P44" s="824">
        <v>8</v>
      </c>
      <c r="Q44" s="718">
        <v>23</v>
      </c>
      <c r="R44" s="821">
        <v>12</v>
      </c>
      <c r="S44" s="823">
        <v>32</v>
      </c>
      <c r="T44" s="712">
        <v>13</v>
      </c>
      <c r="U44" s="825">
        <v>8</v>
      </c>
      <c r="V44" s="718">
        <v>5</v>
      </c>
      <c r="W44" s="821">
        <v>25</v>
      </c>
      <c r="X44" s="826">
        <v>3</v>
      </c>
      <c r="Y44" s="808">
        <v>17</v>
      </c>
      <c r="Z44" s="801">
        <v>3</v>
      </c>
      <c r="AA44" s="806">
        <v>2</v>
      </c>
      <c r="AB44" s="800">
        <v>2</v>
      </c>
      <c r="AC44" s="802">
        <v>33</v>
      </c>
      <c r="AD44" s="827">
        <v>1196</v>
      </c>
      <c r="AE44" s="828">
        <v>61</v>
      </c>
    </row>
    <row r="45" spans="1:31" s="837" customFormat="1" ht="21" outlineLevel="1" x14ac:dyDescent="0.15">
      <c r="A45" s="829" t="s">
        <v>318</v>
      </c>
      <c r="B45" s="830" t="s">
        <v>184</v>
      </c>
      <c r="C45" s="831" t="s">
        <v>184</v>
      </c>
      <c r="D45" s="727" t="s">
        <v>184</v>
      </c>
      <c r="E45" s="831" t="s">
        <v>184</v>
      </c>
      <c r="F45" s="727" t="s">
        <v>184</v>
      </c>
      <c r="G45" s="728" t="s">
        <v>184</v>
      </c>
      <c r="H45" s="727" t="s">
        <v>184</v>
      </c>
      <c r="I45" s="830" t="s">
        <v>184</v>
      </c>
      <c r="J45" s="832" t="s">
        <v>184</v>
      </c>
      <c r="K45" s="727" t="s">
        <v>184</v>
      </c>
      <c r="L45" s="728" t="s">
        <v>184</v>
      </c>
      <c r="M45" s="833" t="s">
        <v>317</v>
      </c>
      <c r="N45" s="832" t="s">
        <v>319</v>
      </c>
      <c r="O45" s="833" t="s">
        <v>319</v>
      </c>
      <c r="P45" s="834" t="s">
        <v>319</v>
      </c>
      <c r="Q45" s="833" t="s">
        <v>317</v>
      </c>
      <c r="R45" s="832" t="s">
        <v>319</v>
      </c>
      <c r="S45" s="833" t="s">
        <v>317</v>
      </c>
      <c r="T45" s="834" t="s">
        <v>319</v>
      </c>
      <c r="U45" s="835" t="s">
        <v>320</v>
      </c>
      <c r="V45" s="833" t="s">
        <v>319</v>
      </c>
      <c r="W45" s="832" t="s">
        <v>317</v>
      </c>
      <c r="X45" s="836" t="s">
        <v>319</v>
      </c>
      <c r="Y45" s="729" t="s">
        <v>184</v>
      </c>
      <c r="Z45" s="726" t="s">
        <v>184</v>
      </c>
      <c r="AA45" s="724" t="s">
        <v>184</v>
      </c>
      <c r="AB45" s="725" t="s">
        <v>184</v>
      </c>
      <c r="AC45" s="785" t="s">
        <v>184</v>
      </c>
      <c r="AD45" s="734" t="s">
        <v>184</v>
      </c>
      <c r="AE45" s="733" t="s">
        <v>184</v>
      </c>
    </row>
    <row r="46" spans="1:31" s="837" customFormat="1" ht="21" outlineLevel="1" x14ac:dyDescent="0.15">
      <c r="A46" s="838" t="s">
        <v>321</v>
      </c>
      <c r="B46" s="812" t="s">
        <v>184</v>
      </c>
      <c r="C46" s="793" t="s">
        <v>184</v>
      </c>
      <c r="D46" s="794" t="s">
        <v>184</v>
      </c>
      <c r="E46" s="793" t="s">
        <v>184</v>
      </c>
      <c r="F46" s="794" t="s">
        <v>184</v>
      </c>
      <c r="G46" s="795" t="s">
        <v>184</v>
      </c>
      <c r="H46" s="794" t="s">
        <v>184</v>
      </c>
      <c r="I46" s="812" t="s">
        <v>184</v>
      </c>
      <c r="J46" s="796" t="s">
        <v>184</v>
      </c>
      <c r="K46" s="794" t="s">
        <v>184</v>
      </c>
      <c r="L46" s="795" t="s">
        <v>184</v>
      </c>
      <c r="M46" s="839" t="s">
        <v>317</v>
      </c>
      <c r="N46" s="796" t="s">
        <v>319</v>
      </c>
      <c r="O46" s="839" t="s">
        <v>320</v>
      </c>
      <c r="P46" s="797" t="s">
        <v>320</v>
      </c>
      <c r="Q46" s="839" t="s">
        <v>317</v>
      </c>
      <c r="R46" s="796" t="s">
        <v>319</v>
      </c>
      <c r="S46" s="839" t="s">
        <v>317</v>
      </c>
      <c r="T46" s="797" t="s">
        <v>319</v>
      </c>
      <c r="U46" s="840" t="s">
        <v>319</v>
      </c>
      <c r="V46" s="839" t="s">
        <v>319</v>
      </c>
      <c r="W46" s="759" t="s">
        <v>322</v>
      </c>
      <c r="X46" s="753" t="s">
        <v>319</v>
      </c>
      <c r="Y46" s="754" t="s">
        <v>184</v>
      </c>
      <c r="Z46" s="745" t="s">
        <v>184</v>
      </c>
      <c r="AA46" s="741" t="s">
        <v>184</v>
      </c>
      <c r="AB46" s="744" t="s">
        <v>184</v>
      </c>
      <c r="AC46" s="788" t="s">
        <v>184</v>
      </c>
      <c r="AD46" s="840" t="s">
        <v>184</v>
      </c>
      <c r="AE46" s="760" t="s">
        <v>184</v>
      </c>
    </row>
    <row r="47" spans="1:31" ht="21" outlineLevel="1" x14ac:dyDescent="0.15">
      <c r="A47" s="841" t="s">
        <v>323</v>
      </c>
      <c r="B47" s="757" t="s">
        <v>184</v>
      </c>
      <c r="C47" s="744" t="s">
        <v>184</v>
      </c>
      <c r="D47" s="745" t="s">
        <v>184</v>
      </c>
      <c r="E47" s="744" t="s">
        <v>184</v>
      </c>
      <c r="F47" s="745" t="s">
        <v>184</v>
      </c>
      <c r="G47" s="746" t="s">
        <v>184</v>
      </c>
      <c r="H47" s="745" t="s">
        <v>184</v>
      </c>
      <c r="I47" s="757" t="s">
        <v>184</v>
      </c>
      <c r="J47" s="759" t="s">
        <v>184</v>
      </c>
      <c r="K47" s="745" t="s">
        <v>184</v>
      </c>
      <c r="L47" s="746" t="s">
        <v>184</v>
      </c>
      <c r="M47" s="758" t="s">
        <v>317</v>
      </c>
      <c r="N47" s="759" t="s">
        <v>319</v>
      </c>
      <c r="O47" s="758" t="s">
        <v>319</v>
      </c>
      <c r="P47" s="760" t="s">
        <v>319</v>
      </c>
      <c r="Q47" s="758" t="s">
        <v>317</v>
      </c>
      <c r="R47" s="759" t="s">
        <v>319</v>
      </c>
      <c r="S47" s="758" t="s">
        <v>317</v>
      </c>
      <c r="T47" s="760" t="s">
        <v>319</v>
      </c>
      <c r="U47" s="842" t="s">
        <v>322</v>
      </c>
      <c r="V47" s="758" t="s">
        <v>319</v>
      </c>
      <c r="W47" s="759" t="s">
        <v>317</v>
      </c>
      <c r="X47" s="762" t="s">
        <v>319</v>
      </c>
      <c r="Y47" s="843" t="s">
        <v>184</v>
      </c>
      <c r="Z47" s="844" t="s">
        <v>184</v>
      </c>
      <c r="AA47" s="741" t="s">
        <v>184</v>
      </c>
      <c r="AB47" s="744" t="s">
        <v>184</v>
      </c>
      <c r="AC47" s="788" t="s">
        <v>184</v>
      </c>
      <c r="AD47" s="845" t="s">
        <v>184</v>
      </c>
      <c r="AE47" s="846" t="s">
        <v>184</v>
      </c>
    </row>
    <row r="48" spans="1:31" ht="20.45" customHeight="1" outlineLevel="1" x14ac:dyDescent="0.15">
      <c r="A48" s="841" t="s">
        <v>324</v>
      </c>
      <c r="B48" s="757" t="s">
        <v>184</v>
      </c>
      <c r="C48" s="744" t="s">
        <v>184</v>
      </c>
      <c r="D48" s="745" t="s">
        <v>184</v>
      </c>
      <c r="E48" s="744" t="s">
        <v>184</v>
      </c>
      <c r="F48" s="745" t="s">
        <v>184</v>
      </c>
      <c r="G48" s="746" t="s">
        <v>184</v>
      </c>
      <c r="H48" s="745" t="s">
        <v>184</v>
      </c>
      <c r="I48" s="757" t="s">
        <v>184</v>
      </c>
      <c r="J48" s="759" t="s">
        <v>184</v>
      </c>
      <c r="K48" s="745" t="s">
        <v>184</v>
      </c>
      <c r="L48" s="746" t="s">
        <v>184</v>
      </c>
      <c r="M48" s="758" t="s">
        <v>317</v>
      </c>
      <c r="N48" s="759" t="s">
        <v>319</v>
      </c>
      <c r="O48" s="758" t="s">
        <v>319</v>
      </c>
      <c r="P48" s="760" t="s">
        <v>319</v>
      </c>
      <c r="Q48" s="758" t="s">
        <v>317</v>
      </c>
      <c r="R48" s="759" t="s">
        <v>319</v>
      </c>
      <c r="S48" s="758" t="s">
        <v>317</v>
      </c>
      <c r="T48" s="760" t="s">
        <v>319</v>
      </c>
      <c r="U48" s="840" t="s">
        <v>317</v>
      </c>
      <c r="V48" s="758" t="s">
        <v>319</v>
      </c>
      <c r="W48" s="759" t="s">
        <v>317</v>
      </c>
      <c r="X48" s="762" t="s">
        <v>319</v>
      </c>
      <c r="Y48" s="843" t="s">
        <v>184</v>
      </c>
      <c r="Z48" s="844" t="s">
        <v>184</v>
      </c>
      <c r="AA48" s="741" t="s">
        <v>184</v>
      </c>
      <c r="AB48" s="744" t="s">
        <v>184</v>
      </c>
      <c r="AC48" s="788" t="s">
        <v>184</v>
      </c>
      <c r="AD48" s="845" t="s">
        <v>184</v>
      </c>
      <c r="AE48" s="846" t="s">
        <v>184</v>
      </c>
    </row>
    <row r="49" spans="1:31" ht="21" customHeight="1" outlineLevel="1" thickBot="1" x14ac:dyDescent="0.2">
      <c r="A49" s="847" t="s">
        <v>325</v>
      </c>
      <c r="B49" s="748" t="s">
        <v>184</v>
      </c>
      <c r="C49" s="742" t="s">
        <v>184</v>
      </c>
      <c r="D49" s="743" t="s">
        <v>184</v>
      </c>
      <c r="E49" s="742" t="s">
        <v>184</v>
      </c>
      <c r="F49" s="743" t="s">
        <v>184</v>
      </c>
      <c r="G49" s="848" t="s">
        <v>184</v>
      </c>
      <c r="H49" s="743" t="s">
        <v>184</v>
      </c>
      <c r="I49" s="748" t="s">
        <v>184</v>
      </c>
      <c r="J49" s="749" t="s">
        <v>184</v>
      </c>
      <c r="K49" s="743" t="s">
        <v>184</v>
      </c>
      <c r="L49" s="848" t="s">
        <v>184</v>
      </c>
      <c r="M49" s="849" t="s">
        <v>317</v>
      </c>
      <c r="N49" s="749" t="s">
        <v>319</v>
      </c>
      <c r="O49" s="849" t="s">
        <v>319</v>
      </c>
      <c r="P49" s="750" t="s">
        <v>319</v>
      </c>
      <c r="Q49" s="849" t="s">
        <v>317</v>
      </c>
      <c r="R49" s="749" t="s">
        <v>319</v>
      </c>
      <c r="S49" s="849" t="s">
        <v>319</v>
      </c>
      <c r="T49" s="824" t="s">
        <v>319</v>
      </c>
      <c r="U49" s="850" t="s">
        <v>319</v>
      </c>
      <c r="V49" s="849" t="s">
        <v>319</v>
      </c>
      <c r="W49" s="713" t="s">
        <v>317</v>
      </c>
      <c r="X49" s="851" t="s">
        <v>319</v>
      </c>
      <c r="Y49" s="852" t="s">
        <v>184</v>
      </c>
      <c r="Z49" s="853" t="s">
        <v>184</v>
      </c>
      <c r="AA49" s="768" t="s">
        <v>184</v>
      </c>
      <c r="AB49" s="717" t="s">
        <v>184</v>
      </c>
      <c r="AC49" s="791" t="s">
        <v>184</v>
      </c>
      <c r="AD49" s="854" t="s">
        <v>184</v>
      </c>
      <c r="AE49" s="855" t="s">
        <v>184</v>
      </c>
    </row>
    <row r="50" spans="1:31" s="739" customFormat="1" ht="14.25" customHeight="1" thickBot="1" x14ac:dyDescent="0.2">
      <c r="A50" s="856" t="s">
        <v>326</v>
      </c>
      <c r="B50" s="799" t="s">
        <v>0</v>
      </c>
      <c r="C50" s="800" t="s">
        <v>0</v>
      </c>
      <c r="D50" s="801" t="s">
        <v>0</v>
      </c>
      <c r="E50" s="800" t="s">
        <v>0</v>
      </c>
      <c r="F50" s="801" t="s">
        <v>0</v>
      </c>
      <c r="G50" s="802" t="s">
        <v>0</v>
      </c>
      <c r="H50" s="801" t="s">
        <v>0</v>
      </c>
      <c r="I50" s="799" t="s">
        <v>0</v>
      </c>
      <c r="J50" s="804" t="s">
        <v>0</v>
      </c>
      <c r="K50" s="801" t="s">
        <v>0</v>
      </c>
      <c r="L50" s="802" t="s">
        <v>0</v>
      </c>
      <c r="M50" s="801">
        <v>5</v>
      </c>
      <c r="N50" s="800">
        <v>0</v>
      </c>
      <c r="O50" s="801">
        <v>0</v>
      </c>
      <c r="P50" s="805">
        <v>0</v>
      </c>
      <c r="Q50" s="801">
        <v>5</v>
      </c>
      <c r="R50" s="800">
        <v>0</v>
      </c>
      <c r="S50" s="804">
        <v>4</v>
      </c>
      <c r="T50" s="817">
        <v>0</v>
      </c>
      <c r="U50" s="806">
        <v>2</v>
      </c>
      <c r="V50" s="801">
        <v>0</v>
      </c>
      <c r="W50" s="800">
        <v>5</v>
      </c>
      <c r="X50" s="807">
        <v>0</v>
      </c>
      <c r="Y50" s="808" t="s">
        <v>0</v>
      </c>
      <c r="Z50" s="801" t="s">
        <v>0</v>
      </c>
      <c r="AA50" s="806" t="s">
        <v>0</v>
      </c>
      <c r="AB50" s="800" t="s">
        <v>0</v>
      </c>
      <c r="AC50" s="809" t="s">
        <v>0</v>
      </c>
      <c r="AD50" s="857" t="s">
        <v>0</v>
      </c>
      <c r="AE50" s="805" t="s">
        <v>0</v>
      </c>
    </row>
    <row r="51" spans="1:31" s="859" customFormat="1" ht="12" customHeight="1" x14ac:dyDescent="0.15">
      <c r="A51" s="858" t="s">
        <v>327</v>
      </c>
      <c r="B51" s="858"/>
      <c r="C51" s="858"/>
      <c r="D51" s="858"/>
      <c r="E51" s="858"/>
      <c r="F51" s="858"/>
      <c r="G51" s="858"/>
      <c r="H51" s="858"/>
      <c r="I51" s="858"/>
      <c r="K51" s="858"/>
      <c r="L51" s="858"/>
      <c r="M51" s="858"/>
      <c r="N51" s="858"/>
      <c r="O51" s="858"/>
      <c r="Q51" s="858"/>
      <c r="R51" s="858"/>
      <c r="U51" s="860"/>
      <c r="V51" s="858"/>
      <c r="W51" s="858"/>
      <c r="Y51" s="861"/>
      <c r="Z51" s="861"/>
    </row>
    <row r="52" spans="1:31" s="859" customFormat="1" ht="12" customHeight="1" x14ac:dyDescent="0.15">
      <c r="A52" s="862" t="s">
        <v>328</v>
      </c>
      <c r="B52" s="858"/>
      <c r="C52" s="858"/>
      <c r="D52" s="858"/>
      <c r="E52" s="858"/>
      <c r="F52" s="858"/>
      <c r="G52" s="858"/>
      <c r="H52" s="858"/>
      <c r="I52" s="858"/>
      <c r="K52" s="858"/>
      <c r="L52" s="858"/>
      <c r="M52" s="858"/>
      <c r="N52" s="858"/>
      <c r="O52" s="858"/>
      <c r="Q52" s="858"/>
      <c r="R52" s="858"/>
      <c r="U52" s="858"/>
      <c r="V52" s="858"/>
      <c r="W52" s="858"/>
      <c r="Y52" s="861"/>
      <c r="Z52" s="861"/>
    </row>
    <row r="53" spans="1:31" s="859" customFormat="1" ht="12" hidden="1" customHeight="1" x14ac:dyDescent="0.15">
      <c r="A53" s="858" t="e">
        <v>#REF!</v>
      </c>
      <c r="B53" s="858"/>
      <c r="C53" s="858"/>
      <c r="D53" s="858"/>
      <c r="E53" s="858"/>
      <c r="F53" s="858"/>
      <c r="G53" s="858"/>
      <c r="H53" s="858"/>
      <c r="I53" s="858"/>
      <c r="K53" s="858"/>
      <c r="L53" s="858"/>
      <c r="M53" s="858"/>
      <c r="N53" s="858"/>
      <c r="O53" s="858"/>
      <c r="Q53" s="858"/>
      <c r="R53" s="858"/>
      <c r="U53" s="858"/>
      <c r="V53" s="858"/>
      <c r="W53" s="858"/>
      <c r="Y53" s="858"/>
      <c r="Z53" s="858"/>
    </row>
    <row r="54" spans="1:31" s="859" customFormat="1" ht="12" customHeight="1" x14ac:dyDescent="0.15">
      <c r="A54" s="858" t="s">
        <v>329</v>
      </c>
      <c r="B54" s="858"/>
      <c r="C54" s="858"/>
      <c r="D54" s="858"/>
      <c r="E54" s="858"/>
      <c r="F54" s="858"/>
      <c r="G54" s="858"/>
      <c r="H54" s="858"/>
      <c r="I54" s="858"/>
      <c r="K54" s="858"/>
      <c r="L54" s="858"/>
      <c r="M54" s="858"/>
      <c r="N54" s="858"/>
      <c r="O54" s="858"/>
      <c r="Q54" s="858"/>
      <c r="R54" s="858"/>
      <c r="U54" s="858"/>
      <c r="V54" s="858"/>
      <c r="W54" s="858"/>
      <c r="Y54" s="861"/>
      <c r="Z54" s="861"/>
    </row>
    <row r="55" spans="1:31" ht="12" customHeight="1" x14ac:dyDescent="0.15">
      <c r="A55" s="858" t="s">
        <v>330</v>
      </c>
      <c r="B55" s="686"/>
      <c r="C55" s="686"/>
      <c r="D55" s="686"/>
      <c r="E55" s="686"/>
      <c r="F55" s="686"/>
      <c r="G55" s="686"/>
      <c r="H55" s="686"/>
      <c r="I55" s="686"/>
      <c r="K55" s="686"/>
      <c r="L55" s="686"/>
      <c r="M55" s="686"/>
      <c r="N55" s="686"/>
      <c r="O55" s="686"/>
      <c r="Q55" s="686"/>
      <c r="R55" s="686"/>
      <c r="U55" s="686"/>
      <c r="V55" s="686"/>
      <c r="W55" s="686"/>
      <c r="Y55" s="688"/>
      <c r="Z55" s="688"/>
    </row>
    <row r="56" spans="1:31" ht="12" customHeight="1" x14ac:dyDescent="0.15">
      <c r="A56" s="858" t="s">
        <v>331</v>
      </c>
      <c r="B56" s="686"/>
      <c r="C56" s="686"/>
      <c r="D56" s="686"/>
      <c r="E56" s="686"/>
      <c r="F56" s="686"/>
      <c r="G56" s="686"/>
      <c r="H56" s="686"/>
      <c r="I56" s="686"/>
      <c r="K56" s="686"/>
      <c r="L56" s="686"/>
      <c r="M56" s="686"/>
      <c r="N56" s="686"/>
      <c r="O56" s="686"/>
      <c r="Q56" s="686"/>
      <c r="R56" s="686"/>
      <c r="U56" s="686"/>
      <c r="V56" s="686"/>
      <c r="W56" s="686"/>
      <c r="Y56" s="688"/>
      <c r="Z56" s="688"/>
    </row>
    <row r="57" spans="1:31" ht="12" customHeight="1" x14ac:dyDescent="0.15">
      <c r="A57" s="1596" t="s">
        <v>332</v>
      </c>
      <c r="B57" s="1596"/>
      <c r="C57" s="1596"/>
      <c r="D57" s="1596"/>
      <c r="E57" s="1596"/>
      <c r="F57" s="1596"/>
      <c r="G57" s="1596"/>
      <c r="H57" s="1596"/>
      <c r="I57" s="1596"/>
      <c r="J57" s="1596"/>
      <c r="K57" s="1596"/>
      <c r="L57" s="1596"/>
      <c r="M57" s="1596"/>
      <c r="N57" s="1596"/>
      <c r="O57" s="1596"/>
      <c r="P57" s="1596"/>
      <c r="Q57" s="1596"/>
      <c r="R57" s="1596"/>
      <c r="S57" s="1596"/>
      <c r="T57" s="1596"/>
      <c r="U57" s="1596"/>
      <c r="V57" s="1596"/>
      <c r="W57" s="1596"/>
      <c r="X57" s="1596"/>
      <c r="Y57" s="1596"/>
      <c r="Z57" s="1596"/>
      <c r="AA57" s="1596"/>
      <c r="AB57" s="1596"/>
      <c r="AC57" s="1596"/>
      <c r="AD57" s="1596"/>
      <c r="AE57" s="1596"/>
    </row>
    <row r="58" spans="1:31" ht="12" customHeight="1" x14ac:dyDescent="0.15"/>
    <row r="59" spans="1:31" ht="12" customHeight="1" x14ac:dyDescent="0.15"/>
    <row r="60" spans="1:31" ht="9" customHeight="1" x14ac:dyDescent="0.15"/>
    <row r="62" spans="1:31" ht="16.5" customHeight="1" x14ac:dyDescent="0.15">
      <c r="C62" s="865"/>
    </row>
  </sheetData>
  <mergeCells count="16">
    <mergeCell ref="A57:AE57"/>
    <mergeCell ref="B4:H4"/>
    <mergeCell ref="I4:X4"/>
    <mergeCell ref="Y4:Y8"/>
    <mergeCell ref="Z4:Z8"/>
    <mergeCell ref="AA4:AC4"/>
    <mergeCell ref="AD4:AE4"/>
    <mergeCell ref="M5:X5"/>
    <mergeCell ref="AA5:AC7"/>
    <mergeCell ref="AD5:AD8"/>
    <mergeCell ref="AE5:AE8"/>
    <mergeCell ref="C6:F6"/>
    <mergeCell ref="I6:L6"/>
    <mergeCell ref="M6:P7"/>
    <mergeCell ref="Q6:T7"/>
    <mergeCell ref="U6:X7"/>
  </mergeCells>
  <phoneticPr fontId="3"/>
  <conditionalFormatting sqref="M45:X49">
    <cfRule type="cellIs" dxfId="31" priority="1" stopIfTrue="1" operator="equal">
      <formula>"×"</formula>
    </cfRule>
    <cfRule type="containsBlanks" dxfId="30" priority="2" stopIfTrue="1">
      <formula>LEN(TRIM(M45))=0</formula>
    </cfRule>
  </conditionalFormatting>
  <dataValidations disablePrompts="1" count="1">
    <dataValidation type="list" allowBlank="1" showInputMessage="1" showErrorMessage="1" sqref="M45:X49 JD45:JO49 SZ45:TK49 ACV45:ADG49 AMR45:ANC49 AWN45:AWY49 BGJ45:BGU49 BQF45:BQQ49 CAB45:CAM49 CJX45:CKI49 CTT45:CUE49 DDP45:DEA49 DNL45:DNW49 DXH45:DXS49 EHD45:EHO49 EQZ45:ERK49 FAV45:FBG49 FKR45:FLC49 FUN45:FUY49 GEJ45:GEU49 GOF45:GOQ49 GYB45:GYM49 HHX45:HII49 HRT45:HSE49 IBP45:ICA49 ILL45:ILW49 IVH45:IVS49 JFD45:JFO49 JOZ45:JPK49 JYV45:JZG49 KIR45:KJC49 KSN45:KSY49 LCJ45:LCU49 LMF45:LMQ49 LWB45:LWM49 MFX45:MGI49 MPT45:MQE49 MZP45:NAA49 NJL45:NJW49 NTH45:NTS49 ODD45:ODO49 OMZ45:ONK49 OWV45:OXG49 PGR45:PHC49 PQN45:PQY49 QAJ45:QAU49 QKF45:QKQ49 QUB45:QUM49 RDX45:REI49 RNT45:ROE49 RXP45:RYA49 SHL45:SHW49 SRH45:SRS49 TBD45:TBO49 TKZ45:TLK49 TUV45:TVG49 UER45:UFC49 UON45:UOY49 UYJ45:UYU49 VIF45:VIQ49 VSB45:VSM49 WBX45:WCI49 WLT45:WME49 WVP45:WWA49 M65581:X65585 JD65581:JO65585 SZ65581:TK65585 ACV65581:ADG65585 AMR65581:ANC65585 AWN65581:AWY65585 BGJ65581:BGU65585 BQF65581:BQQ65585 CAB65581:CAM65585 CJX65581:CKI65585 CTT65581:CUE65585 DDP65581:DEA65585 DNL65581:DNW65585 DXH65581:DXS65585 EHD65581:EHO65585 EQZ65581:ERK65585 FAV65581:FBG65585 FKR65581:FLC65585 FUN65581:FUY65585 GEJ65581:GEU65585 GOF65581:GOQ65585 GYB65581:GYM65585 HHX65581:HII65585 HRT65581:HSE65585 IBP65581:ICA65585 ILL65581:ILW65585 IVH65581:IVS65585 JFD65581:JFO65585 JOZ65581:JPK65585 JYV65581:JZG65585 KIR65581:KJC65585 KSN65581:KSY65585 LCJ65581:LCU65585 LMF65581:LMQ65585 LWB65581:LWM65585 MFX65581:MGI65585 MPT65581:MQE65585 MZP65581:NAA65585 NJL65581:NJW65585 NTH65581:NTS65585 ODD65581:ODO65585 OMZ65581:ONK65585 OWV65581:OXG65585 PGR65581:PHC65585 PQN65581:PQY65585 QAJ65581:QAU65585 QKF65581:QKQ65585 QUB65581:QUM65585 RDX65581:REI65585 RNT65581:ROE65585 RXP65581:RYA65585 SHL65581:SHW65585 SRH65581:SRS65585 TBD65581:TBO65585 TKZ65581:TLK65585 TUV65581:TVG65585 UER65581:UFC65585 UON65581:UOY65585 UYJ65581:UYU65585 VIF65581:VIQ65585 VSB65581:VSM65585 WBX65581:WCI65585 WLT65581:WME65585 WVP65581:WWA65585 M131117:X131121 JD131117:JO131121 SZ131117:TK131121 ACV131117:ADG131121 AMR131117:ANC131121 AWN131117:AWY131121 BGJ131117:BGU131121 BQF131117:BQQ131121 CAB131117:CAM131121 CJX131117:CKI131121 CTT131117:CUE131121 DDP131117:DEA131121 DNL131117:DNW131121 DXH131117:DXS131121 EHD131117:EHO131121 EQZ131117:ERK131121 FAV131117:FBG131121 FKR131117:FLC131121 FUN131117:FUY131121 GEJ131117:GEU131121 GOF131117:GOQ131121 GYB131117:GYM131121 HHX131117:HII131121 HRT131117:HSE131121 IBP131117:ICA131121 ILL131117:ILW131121 IVH131117:IVS131121 JFD131117:JFO131121 JOZ131117:JPK131121 JYV131117:JZG131121 KIR131117:KJC131121 KSN131117:KSY131121 LCJ131117:LCU131121 LMF131117:LMQ131121 LWB131117:LWM131121 MFX131117:MGI131121 MPT131117:MQE131121 MZP131117:NAA131121 NJL131117:NJW131121 NTH131117:NTS131121 ODD131117:ODO131121 OMZ131117:ONK131121 OWV131117:OXG131121 PGR131117:PHC131121 PQN131117:PQY131121 QAJ131117:QAU131121 QKF131117:QKQ131121 QUB131117:QUM131121 RDX131117:REI131121 RNT131117:ROE131121 RXP131117:RYA131121 SHL131117:SHW131121 SRH131117:SRS131121 TBD131117:TBO131121 TKZ131117:TLK131121 TUV131117:TVG131121 UER131117:UFC131121 UON131117:UOY131121 UYJ131117:UYU131121 VIF131117:VIQ131121 VSB131117:VSM131121 WBX131117:WCI131121 WLT131117:WME131121 WVP131117:WWA131121 M196653:X196657 JD196653:JO196657 SZ196653:TK196657 ACV196653:ADG196657 AMR196653:ANC196657 AWN196653:AWY196657 BGJ196653:BGU196657 BQF196653:BQQ196657 CAB196653:CAM196657 CJX196653:CKI196657 CTT196653:CUE196657 DDP196653:DEA196657 DNL196653:DNW196657 DXH196653:DXS196657 EHD196653:EHO196657 EQZ196653:ERK196657 FAV196653:FBG196657 FKR196653:FLC196657 FUN196653:FUY196657 GEJ196653:GEU196657 GOF196653:GOQ196657 GYB196653:GYM196657 HHX196653:HII196657 HRT196653:HSE196657 IBP196653:ICA196657 ILL196653:ILW196657 IVH196653:IVS196657 JFD196653:JFO196657 JOZ196653:JPK196657 JYV196653:JZG196657 KIR196653:KJC196657 KSN196653:KSY196657 LCJ196653:LCU196657 LMF196653:LMQ196657 LWB196653:LWM196657 MFX196653:MGI196657 MPT196653:MQE196657 MZP196653:NAA196657 NJL196653:NJW196657 NTH196653:NTS196657 ODD196653:ODO196657 OMZ196653:ONK196657 OWV196653:OXG196657 PGR196653:PHC196657 PQN196653:PQY196657 QAJ196653:QAU196657 QKF196653:QKQ196657 QUB196653:QUM196657 RDX196653:REI196657 RNT196653:ROE196657 RXP196653:RYA196657 SHL196653:SHW196657 SRH196653:SRS196657 TBD196653:TBO196657 TKZ196653:TLK196657 TUV196653:TVG196657 UER196653:UFC196657 UON196653:UOY196657 UYJ196653:UYU196657 VIF196653:VIQ196657 VSB196653:VSM196657 WBX196653:WCI196657 WLT196653:WME196657 WVP196653:WWA196657 M262189:X262193 JD262189:JO262193 SZ262189:TK262193 ACV262189:ADG262193 AMR262189:ANC262193 AWN262189:AWY262193 BGJ262189:BGU262193 BQF262189:BQQ262193 CAB262189:CAM262193 CJX262189:CKI262193 CTT262189:CUE262193 DDP262189:DEA262193 DNL262189:DNW262193 DXH262189:DXS262193 EHD262189:EHO262193 EQZ262189:ERK262193 FAV262189:FBG262193 FKR262189:FLC262193 FUN262189:FUY262193 GEJ262189:GEU262193 GOF262189:GOQ262193 GYB262189:GYM262193 HHX262189:HII262193 HRT262189:HSE262193 IBP262189:ICA262193 ILL262189:ILW262193 IVH262189:IVS262193 JFD262189:JFO262193 JOZ262189:JPK262193 JYV262189:JZG262193 KIR262189:KJC262193 KSN262189:KSY262193 LCJ262189:LCU262193 LMF262189:LMQ262193 LWB262189:LWM262193 MFX262189:MGI262193 MPT262189:MQE262193 MZP262189:NAA262193 NJL262189:NJW262193 NTH262189:NTS262193 ODD262189:ODO262193 OMZ262189:ONK262193 OWV262189:OXG262193 PGR262189:PHC262193 PQN262189:PQY262193 QAJ262189:QAU262193 QKF262189:QKQ262193 QUB262189:QUM262193 RDX262189:REI262193 RNT262189:ROE262193 RXP262189:RYA262193 SHL262189:SHW262193 SRH262189:SRS262193 TBD262189:TBO262193 TKZ262189:TLK262193 TUV262189:TVG262193 UER262189:UFC262193 UON262189:UOY262193 UYJ262189:UYU262193 VIF262189:VIQ262193 VSB262189:VSM262193 WBX262189:WCI262193 WLT262189:WME262193 WVP262189:WWA262193 M327725:X327729 JD327725:JO327729 SZ327725:TK327729 ACV327725:ADG327729 AMR327725:ANC327729 AWN327725:AWY327729 BGJ327725:BGU327729 BQF327725:BQQ327729 CAB327725:CAM327729 CJX327725:CKI327729 CTT327725:CUE327729 DDP327725:DEA327729 DNL327725:DNW327729 DXH327725:DXS327729 EHD327725:EHO327729 EQZ327725:ERK327729 FAV327725:FBG327729 FKR327725:FLC327729 FUN327725:FUY327729 GEJ327725:GEU327729 GOF327725:GOQ327729 GYB327725:GYM327729 HHX327725:HII327729 HRT327725:HSE327729 IBP327725:ICA327729 ILL327725:ILW327729 IVH327725:IVS327729 JFD327725:JFO327729 JOZ327725:JPK327729 JYV327725:JZG327729 KIR327725:KJC327729 KSN327725:KSY327729 LCJ327725:LCU327729 LMF327725:LMQ327729 LWB327725:LWM327729 MFX327725:MGI327729 MPT327725:MQE327729 MZP327725:NAA327729 NJL327725:NJW327729 NTH327725:NTS327729 ODD327725:ODO327729 OMZ327725:ONK327729 OWV327725:OXG327729 PGR327725:PHC327729 PQN327725:PQY327729 QAJ327725:QAU327729 QKF327725:QKQ327729 QUB327725:QUM327729 RDX327725:REI327729 RNT327725:ROE327729 RXP327725:RYA327729 SHL327725:SHW327729 SRH327725:SRS327729 TBD327725:TBO327729 TKZ327725:TLK327729 TUV327725:TVG327729 UER327725:UFC327729 UON327725:UOY327729 UYJ327725:UYU327729 VIF327725:VIQ327729 VSB327725:VSM327729 WBX327725:WCI327729 WLT327725:WME327729 WVP327725:WWA327729 M393261:X393265 JD393261:JO393265 SZ393261:TK393265 ACV393261:ADG393265 AMR393261:ANC393265 AWN393261:AWY393265 BGJ393261:BGU393265 BQF393261:BQQ393265 CAB393261:CAM393265 CJX393261:CKI393265 CTT393261:CUE393265 DDP393261:DEA393265 DNL393261:DNW393265 DXH393261:DXS393265 EHD393261:EHO393265 EQZ393261:ERK393265 FAV393261:FBG393265 FKR393261:FLC393265 FUN393261:FUY393265 GEJ393261:GEU393265 GOF393261:GOQ393265 GYB393261:GYM393265 HHX393261:HII393265 HRT393261:HSE393265 IBP393261:ICA393265 ILL393261:ILW393265 IVH393261:IVS393265 JFD393261:JFO393265 JOZ393261:JPK393265 JYV393261:JZG393265 KIR393261:KJC393265 KSN393261:KSY393265 LCJ393261:LCU393265 LMF393261:LMQ393265 LWB393261:LWM393265 MFX393261:MGI393265 MPT393261:MQE393265 MZP393261:NAA393265 NJL393261:NJW393265 NTH393261:NTS393265 ODD393261:ODO393265 OMZ393261:ONK393265 OWV393261:OXG393265 PGR393261:PHC393265 PQN393261:PQY393265 QAJ393261:QAU393265 QKF393261:QKQ393265 QUB393261:QUM393265 RDX393261:REI393265 RNT393261:ROE393265 RXP393261:RYA393265 SHL393261:SHW393265 SRH393261:SRS393265 TBD393261:TBO393265 TKZ393261:TLK393265 TUV393261:TVG393265 UER393261:UFC393265 UON393261:UOY393265 UYJ393261:UYU393265 VIF393261:VIQ393265 VSB393261:VSM393265 WBX393261:WCI393265 WLT393261:WME393265 WVP393261:WWA393265 M458797:X458801 JD458797:JO458801 SZ458797:TK458801 ACV458797:ADG458801 AMR458797:ANC458801 AWN458797:AWY458801 BGJ458797:BGU458801 BQF458797:BQQ458801 CAB458797:CAM458801 CJX458797:CKI458801 CTT458797:CUE458801 DDP458797:DEA458801 DNL458797:DNW458801 DXH458797:DXS458801 EHD458797:EHO458801 EQZ458797:ERK458801 FAV458797:FBG458801 FKR458797:FLC458801 FUN458797:FUY458801 GEJ458797:GEU458801 GOF458797:GOQ458801 GYB458797:GYM458801 HHX458797:HII458801 HRT458797:HSE458801 IBP458797:ICA458801 ILL458797:ILW458801 IVH458797:IVS458801 JFD458797:JFO458801 JOZ458797:JPK458801 JYV458797:JZG458801 KIR458797:KJC458801 KSN458797:KSY458801 LCJ458797:LCU458801 LMF458797:LMQ458801 LWB458797:LWM458801 MFX458797:MGI458801 MPT458797:MQE458801 MZP458797:NAA458801 NJL458797:NJW458801 NTH458797:NTS458801 ODD458797:ODO458801 OMZ458797:ONK458801 OWV458797:OXG458801 PGR458797:PHC458801 PQN458797:PQY458801 QAJ458797:QAU458801 QKF458797:QKQ458801 QUB458797:QUM458801 RDX458797:REI458801 RNT458797:ROE458801 RXP458797:RYA458801 SHL458797:SHW458801 SRH458797:SRS458801 TBD458797:TBO458801 TKZ458797:TLK458801 TUV458797:TVG458801 UER458797:UFC458801 UON458797:UOY458801 UYJ458797:UYU458801 VIF458797:VIQ458801 VSB458797:VSM458801 WBX458797:WCI458801 WLT458797:WME458801 WVP458797:WWA458801 M524333:X524337 JD524333:JO524337 SZ524333:TK524337 ACV524333:ADG524337 AMR524333:ANC524337 AWN524333:AWY524337 BGJ524333:BGU524337 BQF524333:BQQ524337 CAB524333:CAM524337 CJX524333:CKI524337 CTT524333:CUE524337 DDP524333:DEA524337 DNL524333:DNW524337 DXH524333:DXS524337 EHD524333:EHO524337 EQZ524333:ERK524337 FAV524333:FBG524337 FKR524333:FLC524337 FUN524333:FUY524337 GEJ524333:GEU524337 GOF524333:GOQ524337 GYB524333:GYM524337 HHX524333:HII524337 HRT524333:HSE524337 IBP524333:ICA524337 ILL524333:ILW524337 IVH524333:IVS524337 JFD524333:JFO524337 JOZ524333:JPK524337 JYV524333:JZG524337 KIR524333:KJC524337 KSN524333:KSY524337 LCJ524333:LCU524337 LMF524333:LMQ524337 LWB524333:LWM524337 MFX524333:MGI524337 MPT524333:MQE524337 MZP524333:NAA524337 NJL524333:NJW524337 NTH524333:NTS524337 ODD524333:ODO524337 OMZ524333:ONK524337 OWV524333:OXG524337 PGR524333:PHC524337 PQN524333:PQY524337 QAJ524333:QAU524337 QKF524333:QKQ524337 QUB524333:QUM524337 RDX524333:REI524337 RNT524333:ROE524337 RXP524333:RYA524337 SHL524333:SHW524337 SRH524333:SRS524337 TBD524333:TBO524337 TKZ524333:TLK524337 TUV524333:TVG524337 UER524333:UFC524337 UON524333:UOY524337 UYJ524333:UYU524337 VIF524333:VIQ524337 VSB524333:VSM524337 WBX524333:WCI524337 WLT524333:WME524337 WVP524333:WWA524337 M589869:X589873 JD589869:JO589873 SZ589869:TK589873 ACV589869:ADG589873 AMR589869:ANC589873 AWN589869:AWY589873 BGJ589869:BGU589873 BQF589869:BQQ589873 CAB589869:CAM589873 CJX589869:CKI589873 CTT589869:CUE589873 DDP589869:DEA589873 DNL589869:DNW589873 DXH589869:DXS589873 EHD589869:EHO589873 EQZ589869:ERK589873 FAV589869:FBG589873 FKR589869:FLC589873 FUN589869:FUY589873 GEJ589869:GEU589873 GOF589869:GOQ589873 GYB589869:GYM589873 HHX589869:HII589873 HRT589869:HSE589873 IBP589869:ICA589873 ILL589869:ILW589873 IVH589869:IVS589873 JFD589869:JFO589873 JOZ589869:JPK589873 JYV589869:JZG589873 KIR589869:KJC589873 KSN589869:KSY589873 LCJ589869:LCU589873 LMF589869:LMQ589873 LWB589869:LWM589873 MFX589869:MGI589873 MPT589869:MQE589873 MZP589869:NAA589873 NJL589869:NJW589873 NTH589869:NTS589873 ODD589869:ODO589873 OMZ589869:ONK589873 OWV589869:OXG589873 PGR589869:PHC589873 PQN589869:PQY589873 QAJ589869:QAU589873 QKF589869:QKQ589873 QUB589869:QUM589873 RDX589869:REI589873 RNT589869:ROE589873 RXP589869:RYA589873 SHL589869:SHW589873 SRH589869:SRS589873 TBD589869:TBO589873 TKZ589869:TLK589873 TUV589869:TVG589873 UER589869:UFC589873 UON589869:UOY589873 UYJ589869:UYU589873 VIF589869:VIQ589873 VSB589869:VSM589873 WBX589869:WCI589873 WLT589869:WME589873 WVP589869:WWA589873 M655405:X655409 JD655405:JO655409 SZ655405:TK655409 ACV655405:ADG655409 AMR655405:ANC655409 AWN655405:AWY655409 BGJ655405:BGU655409 BQF655405:BQQ655409 CAB655405:CAM655409 CJX655405:CKI655409 CTT655405:CUE655409 DDP655405:DEA655409 DNL655405:DNW655409 DXH655405:DXS655409 EHD655405:EHO655409 EQZ655405:ERK655409 FAV655405:FBG655409 FKR655405:FLC655409 FUN655405:FUY655409 GEJ655405:GEU655409 GOF655405:GOQ655409 GYB655405:GYM655409 HHX655405:HII655409 HRT655405:HSE655409 IBP655405:ICA655409 ILL655405:ILW655409 IVH655405:IVS655409 JFD655405:JFO655409 JOZ655405:JPK655409 JYV655405:JZG655409 KIR655405:KJC655409 KSN655405:KSY655409 LCJ655405:LCU655409 LMF655405:LMQ655409 LWB655405:LWM655409 MFX655405:MGI655409 MPT655405:MQE655409 MZP655405:NAA655409 NJL655405:NJW655409 NTH655405:NTS655409 ODD655405:ODO655409 OMZ655405:ONK655409 OWV655405:OXG655409 PGR655405:PHC655409 PQN655405:PQY655409 QAJ655405:QAU655409 QKF655405:QKQ655409 QUB655405:QUM655409 RDX655405:REI655409 RNT655405:ROE655409 RXP655405:RYA655409 SHL655405:SHW655409 SRH655405:SRS655409 TBD655405:TBO655409 TKZ655405:TLK655409 TUV655405:TVG655409 UER655405:UFC655409 UON655405:UOY655409 UYJ655405:UYU655409 VIF655405:VIQ655409 VSB655405:VSM655409 WBX655405:WCI655409 WLT655405:WME655409 WVP655405:WWA655409 M720941:X720945 JD720941:JO720945 SZ720941:TK720945 ACV720941:ADG720945 AMR720941:ANC720945 AWN720941:AWY720945 BGJ720941:BGU720945 BQF720941:BQQ720945 CAB720941:CAM720945 CJX720941:CKI720945 CTT720941:CUE720945 DDP720941:DEA720945 DNL720941:DNW720945 DXH720941:DXS720945 EHD720941:EHO720945 EQZ720941:ERK720945 FAV720941:FBG720945 FKR720941:FLC720945 FUN720941:FUY720945 GEJ720941:GEU720945 GOF720941:GOQ720945 GYB720941:GYM720945 HHX720941:HII720945 HRT720941:HSE720945 IBP720941:ICA720945 ILL720941:ILW720945 IVH720941:IVS720945 JFD720941:JFO720945 JOZ720941:JPK720945 JYV720941:JZG720945 KIR720941:KJC720945 KSN720941:KSY720945 LCJ720941:LCU720945 LMF720941:LMQ720945 LWB720941:LWM720945 MFX720941:MGI720945 MPT720941:MQE720945 MZP720941:NAA720945 NJL720941:NJW720945 NTH720941:NTS720945 ODD720941:ODO720945 OMZ720941:ONK720945 OWV720941:OXG720945 PGR720941:PHC720945 PQN720941:PQY720945 QAJ720941:QAU720945 QKF720941:QKQ720945 QUB720941:QUM720945 RDX720941:REI720945 RNT720941:ROE720945 RXP720941:RYA720945 SHL720941:SHW720945 SRH720941:SRS720945 TBD720941:TBO720945 TKZ720941:TLK720945 TUV720941:TVG720945 UER720941:UFC720945 UON720941:UOY720945 UYJ720941:UYU720945 VIF720941:VIQ720945 VSB720941:VSM720945 WBX720941:WCI720945 WLT720941:WME720945 WVP720941:WWA720945 M786477:X786481 JD786477:JO786481 SZ786477:TK786481 ACV786477:ADG786481 AMR786477:ANC786481 AWN786477:AWY786481 BGJ786477:BGU786481 BQF786477:BQQ786481 CAB786477:CAM786481 CJX786477:CKI786481 CTT786477:CUE786481 DDP786477:DEA786481 DNL786477:DNW786481 DXH786477:DXS786481 EHD786477:EHO786481 EQZ786477:ERK786481 FAV786477:FBG786481 FKR786477:FLC786481 FUN786477:FUY786481 GEJ786477:GEU786481 GOF786477:GOQ786481 GYB786477:GYM786481 HHX786477:HII786481 HRT786477:HSE786481 IBP786477:ICA786481 ILL786477:ILW786481 IVH786477:IVS786481 JFD786477:JFO786481 JOZ786477:JPK786481 JYV786477:JZG786481 KIR786477:KJC786481 KSN786477:KSY786481 LCJ786477:LCU786481 LMF786477:LMQ786481 LWB786477:LWM786481 MFX786477:MGI786481 MPT786477:MQE786481 MZP786477:NAA786481 NJL786477:NJW786481 NTH786477:NTS786481 ODD786477:ODO786481 OMZ786477:ONK786481 OWV786477:OXG786481 PGR786477:PHC786481 PQN786477:PQY786481 QAJ786477:QAU786481 QKF786477:QKQ786481 QUB786477:QUM786481 RDX786477:REI786481 RNT786477:ROE786481 RXP786477:RYA786481 SHL786477:SHW786481 SRH786477:SRS786481 TBD786477:TBO786481 TKZ786477:TLK786481 TUV786477:TVG786481 UER786477:UFC786481 UON786477:UOY786481 UYJ786477:UYU786481 VIF786477:VIQ786481 VSB786477:VSM786481 WBX786477:WCI786481 WLT786477:WME786481 WVP786477:WWA786481 M852013:X852017 JD852013:JO852017 SZ852013:TK852017 ACV852013:ADG852017 AMR852013:ANC852017 AWN852013:AWY852017 BGJ852013:BGU852017 BQF852013:BQQ852017 CAB852013:CAM852017 CJX852013:CKI852017 CTT852013:CUE852017 DDP852013:DEA852017 DNL852013:DNW852017 DXH852013:DXS852017 EHD852013:EHO852017 EQZ852013:ERK852017 FAV852013:FBG852017 FKR852013:FLC852017 FUN852013:FUY852017 GEJ852013:GEU852017 GOF852013:GOQ852017 GYB852013:GYM852017 HHX852013:HII852017 HRT852013:HSE852017 IBP852013:ICA852017 ILL852013:ILW852017 IVH852013:IVS852017 JFD852013:JFO852017 JOZ852013:JPK852017 JYV852013:JZG852017 KIR852013:KJC852017 KSN852013:KSY852017 LCJ852013:LCU852017 LMF852013:LMQ852017 LWB852013:LWM852017 MFX852013:MGI852017 MPT852013:MQE852017 MZP852013:NAA852017 NJL852013:NJW852017 NTH852013:NTS852017 ODD852013:ODO852017 OMZ852013:ONK852017 OWV852013:OXG852017 PGR852013:PHC852017 PQN852013:PQY852017 QAJ852013:QAU852017 QKF852013:QKQ852017 QUB852013:QUM852017 RDX852013:REI852017 RNT852013:ROE852017 RXP852013:RYA852017 SHL852013:SHW852017 SRH852013:SRS852017 TBD852013:TBO852017 TKZ852013:TLK852017 TUV852013:TVG852017 UER852013:UFC852017 UON852013:UOY852017 UYJ852013:UYU852017 VIF852013:VIQ852017 VSB852013:VSM852017 WBX852013:WCI852017 WLT852013:WME852017 WVP852013:WWA852017 M917549:X917553 JD917549:JO917553 SZ917549:TK917553 ACV917549:ADG917553 AMR917549:ANC917553 AWN917549:AWY917553 BGJ917549:BGU917553 BQF917549:BQQ917553 CAB917549:CAM917553 CJX917549:CKI917553 CTT917549:CUE917553 DDP917549:DEA917553 DNL917549:DNW917553 DXH917549:DXS917553 EHD917549:EHO917553 EQZ917549:ERK917553 FAV917549:FBG917553 FKR917549:FLC917553 FUN917549:FUY917553 GEJ917549:GEU917553 GOF917549:GOQ917553 GYB917549:GYM917553 HHX917549:HII917553 HRT917549:HSE917553 IBP917549:ICA917553 ILL917549:ILW917553 IVH917549:IVS917553 JFD917549:JFO917553 JOZ917549:JPK917553 JYV917549:JZG917553 KIR917549:KJC917553 KSN917549:KSY917553 LCJ917549:LCU917553 LMF917549:LMQ917553 LWB917549:LWM917553 MFX917549:MGI917553 MPT917549:MQE917553 MZP917549:NAA917553 NJL917549:NJW917553 NTH917549:NTS917553 ODD917549:ODO917553 OMZ917549:ONK917553 OWV917549:OXG917553 PGR917549:PHC917553 PQN917549:PQY917553 QAJ917549:QAU917553 QKF917549:QKQ917553 QUB917549:QUM917553 RDX917549:REI917553 RNT917549:ROE917553 RXP917549:RYA917553 SHL917549:SHW917553 SRH917549:SRS917553 TBD917549:TBO917553 TKZ917549:TLK917553 TUV917549:TVG917553 UER917549:UFC917553 UON917549:UOY917553 UYJ917549:UYU917553 VIF917549:VIQ917553 VSB917549:VSM917553 WBX917549:WCI917553 WLT917549:WME917553 WVP917549:WWA917553 M983085:X983089 JD983085:JO983089 SZ983085:TK983089 ACV983085:ADG983089 AMR983085:ANC983089 AWN983085:AWY983089 BGJ983085:BGU983089 BQF983085:BQQ983089 CAB983085:CAM983089 CJX983085:CKI983089 CTT983085:CUE983089 DDP983085:DEA983089 DNL983085:DNW983089 DXH983085:DXS983089 EHD983085:EHO983089 EQZ983085:ERK983089 FAV983085:FBG983089 FKR983085:FLC983089 FUN983085:FUY983089 GEJ983085:GEU983089 GOF983085:GOQ983089 GYB983085:GYM983089 HHX983085:HII983089 HRT983085:HSE983089 IBP983085:ICA983089 ILL983085:ILW983089 IVH983085:IVS983089 JFD983085:JFO983089 JOZ983085:JPK983089 JYV983085:JZG983089 KIR983085:KJC983089 KSN983085:KSY983089 LCJ983085:LCU983089 LMF983085:LMQ983089 LWB983085:LWM983089 MFX983085:MGI983089 MPT983085:MQE983089 MZP983085:NAA983089 NJL983085:NJW983089 NTH983085:NTS983089 ODD983085:ODO983089 OMZ983085:ONK983089 OWV983085:OXG983089 PGR983085:PHC983089 PQN983085:PQY983089 QAJ983085:QAU983089 QKF983085:QKQ983089 QUB983085:QUM983089 RDX983085:REI983089 RNT983085:ROE983089 RXP983085:RYA983089 SHL983085:SHW983089 SRH983085:SRS983089 TBD983085:TBO983089 TKZ983085:TLK983089 TUV983085:TVG983089 UER983085:UFC983089 UON983085:UOY983089 UYJ983085:UYU983089 VIF983085:VIQ983089 VSB983085:VSM983089 WBX983085:WCI983089 WLT983085:WME983089 WVP983085:WWA983089" xr:uid="{83682D4D-5E39-4E61-8D42-FFF28E11ABB2}">
      <formula1>"○,×"</formula1>
    </dataValidation>
  </dataValidations>
  <printOptions horizontalCentered="1"/>
  <pageMargins left="0.59055118110236227" right="0.59055118110236227" top="0.78740157480314965" bottom="0.78740157480314965" header="0.51181102362204722" footer="0.39370078740157483"/>
  <pageSetup paperSize="9" scale="90" orientation="portrait"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47A048-C65E-4AE9-B1E7-EFD802F6E832}">
  <dimension ref="A2:Y44"/>
  <sheetViews>
    <sheetView zoomScaleNormal="100" zoomScaleSheetLayoutView="100" workbookViewId="0">
      <pane xSplit="1" ySplit="8" topLeftCell="B9" activePane="bottomRight" state="frozen"/>
      <selection activeCell="Y11" sqref="Y11"/>
      <selection pane="topRight" activeCell="Y11" sqref="Y11"/>
      <selection pane="bottomLeft" activeCell="Y11" sqref="Y11"/>
      <selection pane="bottomRight" activeCell="AB14" sqref="AB14"/>
    </sheetView>
  </sheetViews>
  <sheetFormatPr defaultColWidth="9" defaultRowHeight="16.5" customHeight="1" x14ac:dyDescent="0.15"/>
  <cols>
    <col min="1" max="1" width="9.375" style="81" customWidth="1"/>
    <col min="2" max="2" width="7.375" style="81" customWidth="1"/>
    <col min="3" max="4" width="6.875" style="81" customWidth="1"/>
    <col min="5" max="7" width="6.875" style="287" customWidth="1"/>
    <col min="8" max="8" width="7.375" style="287" customWidth="1"/>
    <col min="9" max="10" width="6.875" style="287" customWidth="1"/>
    <col min="11" max="11" width="7.625" style="287" customWidth="1"/>
    <col min="12" max="13" width="6.875" style="287" customWidth="1"/>
    <col min="14" max="14" width="7.375" style="287" customWidth="1"/>
    <col min="15" max="15" width="7.625" style="287" customWidth="1"/>
    <col min="16" max="16" width="6.875" style="287" customWidth="1"/>
    <col min="17" max="17" width="7.125" style="287" customWidth="1"/>
    <col min="18" max="18" width="7" style="287" customWidth="1"/>
    <col min="19" max="20" width="7.125" style="287" customWidth="1"/>
    <col min="21" max="21" width="9" style="287" customWidth="1"/>
    <col min="22" max="22" width="7.125" style="287" customWidth="1"/>
    <col min="23" max="23" width="7.375" style="287" customWidth="1"/>
    <col min="24" max="25" width="7.5" style="287" customWidth="1"/>
    <col min="26" max="16384" width="9" style="287"/>
  </cols>
  <sheetData>
    <row r="2" spans="1:25" ht="9" customHeight="1" x14ac:dyDescent="0.15">
      <c r="A2" s="425"/>
      <c r="B2" s="425"/>
      <c r="C2" s="425"/>
      <c r="D2" s="425"/>
    </row>
    <row r="3" spans="1:25" s="142" customFormat="1" ht="16.5" customHeight="1" thickBot="1" x14ac:dyDescent="0.2">
      <c r="A3" s="866" t="s">
        <v>357</v>
      </c>
      <c r="B3" s="867"/>
      <c r="C3" s="867"/>
      <c r="D3" s="867"/>
      <c r="O3" s="417"/>
      <c r="U3" s="417"/>
      <c r="V3" s="417"/>
      <c r="Y3" s="417" t="s">
        <v>358</v>
      </c>
    </row>
    <row r="4" spans="1:25" s="1006" customFormat="1" ht="16.5" customHeight="1" thickBot="1" x14ac:dyDescent="0.2">
      <c r="A4" s="999"/>
      <c r="B4" s="1000" t="s">
        <v>48</v>
      </c>
      <c r="C4" s="1875" t="s">
        <v>359</v>
      </c>
      <c r="D4" s="1876"/>
      <c r="E4" s="1876"/>
      <c r="F4" s="1876"/>
      <c r="G4" s="1876"/>
      <c r="H4" s="1876"/>
      <c r="I4" s="1876"/>
      <c r="J4" s="1876"/>
      <c r="K4" s="1877"/>
      <c r="L4" s="1001" t="s">
        <v>360</v>
      </c>
      <c r="M4" s="1002"/>
      <c r="N4" s="1878" t="s">
        <v>360</v>
      </c>
      <c r="O4" s="1879"/>
      <c r="P4" s="1879"/>
      <c r="Q4" s="1879"/>
      <c r="R4" s="1879"/>
      <c r="S4" s="1879"/>
      <c r="T4" s="1879"/>
      <c r="U4" s="1880"/>
      <c r="V4" s="1003" t="s">
        <v>361</v>
      </c>
      <c r="W4" s="1004"/>
      <c r="X4" s="1004"/>
      <c r="Y4" s="1005"/>
    </row>
    <row r="5" spans="1:25" s="1006" customFormat="1" ht="16.5" customHeight="1" x14ac:dyDescent="0.15">
      <c r="A5" s="1007"/>
      <c r="B5" s="1881" t="s">
        <v>362</v>
      </c>
      <c r="C5" s="1008"/>
      <c r="D5" s="1009"/>
      <c r="E5" s="1010" t="s">
        <v>76</v>
      </c>
      <c r="F5" s="1011"/>
      <c r="G5" s="1012"/>
      <c r="H5" s="1013" t="s">
        <v>74</v>
      </c>
      <c r="I5" s="1014" t="s">
        <v>363</v>
      </c>
      <c r="J5" s="1011"/>
      <c r="K5" s="1015"/>
      <c r="L5" s="1016" t="s">
        <v>57</v>
      </c>
      <c r="M5" s="1016" t="s">
        <v>177</v>
      </c>
      <c r="N5" s="1016" t="s">
        <v>176</v>
      </c>
      <c r="O5" s="1017" t="s">
        <v>241</v>
      </c>
      <c r="P5" s="1018"/>
      <c r="Q5" s="1012"/>
      <c r="R5" s="1013" t="s">
        <v>274</v>
      </c>
      <c r="S5" s="1014" t="s">
        <v>364</v>
      </c>
      <c r="T5" s="1011"/>
      <c r="U5" s="1012"/>
      <c r="V5" s="1882" t="s">
        <v>365</v>
      </c>
      <c r="W5" s="1884" t="s">
        <v>366</v>
      </c>
      <c r="X5" s="1872" t="s">
        <v>367</v>
      </c>
      <c r="Y5" s="1850" t="s">
        <v>368</v>
      </c>
    </row>
    <row r="6" spans="1:25" s="1006" customFormat="1" ht="16.5" customHeight="1" x14ac:dyDescent="0.15">
      <c r="A6" s="1007" t="s">
        <v>369</v>
      </c>
      <c r="B6" s="1881"/>
      <c r="C6" s="1019" t="s">
        <v>78</v>
      </c>
      <c r="D6" s="1020" t="s">
        <v>77</v>
      </c>
      <c r="E6" s="1853" t="s">
        <v>163</v>
      </c>
      <c r="F6" s="1855" t="s">
        <v>370</v>
      </c>
      <c r="G6" s="1856"/>
      <c r="H6" s="1857" t="s">
        <v>371</v>
      </c>
      <c r="I6" s="1859" t="s">
        <v>372</v>
      </c>
      <c r="J6" s="1862" t="s">
        <v>373</v>
      </c>
      <c r="K6" s="1865" t="s">
        <v>374</v>
      </c>
      <c r="L6" s="1021" t="s">
        <v>375</v>
      </c>
      <c r="M6" s="1857" t="s">
        <v>376</v>
      </c>
      <c r="N6" s="1857" t="s">
        <v>377</v>
      </c>
      <c r="O6" s="1870" t="s">
        <v>378</v>
      </c>
      <c r="P6" s="1887" t="s">
        <v>379</v>
      </c>
      <c r="Q6" s="1888"/>
      <c r="R6" s="1857" t="s">
        <v>371</v>
      </c>
      <c r="S6" s="1859" t="s">
        <v>380</v>
      </c>
      <c r="T6" s="1862" t="s">
        <v>381</v>
      </c>
      <c r="U6" s="1890" t="s">
        <v>382</v>
      </c>
      <c r="V6" s="1882"/>
      <c r="W6" s="1885"/>
      <c r="X6" s="1873"/>
      <c r="Y6" s="1851"/>
    </row>
    <row r="7" spans="1:25" s="1006" customFormat="1" ht="16.5" customHeight="1" x14ac:dyDescent="0.15">
      <c r="A7" s="1007"/>
      <c r="B7" s="1881"/>
      <c r="C7" s="1022" t="s">
        <v>166</v>
      </c>
      <c r="D7" s="1023" t="s">
        <v>383</v>
      </c>
      <c r="E7" s="1854"/>
      <c r="F7" s="1893" t="s">
        <v>384</v>
      </c>
      <c r="G7" s="1894"/>
      <c r="H7" s="1857"/>
      <c r="I7" s="1860"/>
      <c r="J7" s="1863"/>
      <c r="K7" s="1866"/>
      <c r="L7" s="1021" t="s">
        <v>385</v>
      </c>
      <c r="M7" s="1868"/>
      <c r="N7" s="1857"/>
      <c r="O7" s="1870"/>
      <c r="P7" s="1893" t="s">
        <v>386</v>
      </c>
      <c r="Q7" s="1894"/>
      <c r="R7" s="1857"/>
      <c r="S7" s="1859"/>
      <c r="T7" s="1863"/>
      <c r="U7" s="1891"/>
      <c r="V7" s="1882"/>
      <c r="W7" s="1885"/>
      <c r="X7" s="1873"/>
      <c r="Y7" s="1851"/>
    </row>
    <row r="8" spans="1:25" s="1006" customFormat="1" ht="16.5" customHeight="1" thickBot="1" x14ac:dyDescent="0.2">
      <c r="A8" s="1024"/>
      <c r="B8" s="1024"/>
      <c r="C8" s="1025" t="s">
        <v>387</v>
      </c>
      <c r="D8" s="1026" t="s">
        <v>388</v>
      </c>
      <c r="E8" s="1027" t="s">
        <v>389</v>
      </c>
      <c r="F8" s="1028" t="s">
        <v>390</v>
      </c>
      <c r="G8" s="1029" t="s">
        <v>391</v>
      </c>
      <c r="H8" s="1858"/>
      <c r="I8" s="1861"/>
      <c r="J8" s="1864"/>
      <c r="K8" s="1867"/>
      <c r="L8" s="1030"/>
      <c r="M8" s="1869"/>
      <c r="N8" s="1858"/>
      <c r="O8" s="1871"/>
      <c r="P8" s="1028" t="s">
        <v>390</v>
      </c>
      <c r="Q8" s="1029" t="s">
        <v>391</v>
      </c>
      <c r="R8" s="1858"/>
      <c r="S8" s="1889"/>
      <c r="T8" s="1864"/>
      <c r="U8" s="1892"/>
      <c r="V8" s="1883"/>
      <c r="W8" s="1886"/>
      <c r="X8" s="1874"/>
      <c r="Y8" s="1852"/>
    </row>
    <row r="9" spans="1:25" s="997" customFormat="1" ht="20.25" customHeight="1" x14ac:dyDescent="0.15">
      <c r="A9" s="1031" t="s">
        <v>37</v>
      </c>
      <c r="B9" s="1032">
        <v>912266</v>
      </c>
      <c r="C9" s="1032">
        <v>2458</v>
      </c>
      <c r="D9" s="1033">
        <v>0</v>
      </c>
      <c r="E9" s="1034">
        <v>2458</v>
      </c>
      <c r="F9" s="1034">
        <v>0</v>
      </c>
      <c r="G9" s="1035">
        <v>0</v>
      </c>
      <c r="H9" s="1036">
        <v>0</v>
      </c>
      <c r="I9" s="1037">
        <v>2458</v>
      </c>
      <c r="J9" s="1038">
        <v>0</v>
      </c>
      <c r="K9" s="1039">
        <v>100</v>
      </c>
      <c r="L9" s="1040">
        <v>115015</v>
      </c>
      <c r="M9" s="1041">
        <v>565</v>
      </c>
      <c r="N9" s="1041">
        <v>0</v>
      </c>
      <c r="O9" s="1042">
        <v>114450</v>
      </c>
      <c r="P9" s="1043" t="s">
        <v>258</v>
      </c>
      <c r="Q9" s="1035">
        <v>0</v>
      </c>
      <c r="R9" s="1044" t="s">
        <v>184</v>
      </c>
      <c r="S9" s="1037">
        <v>114450</v>
      </c>
      <c r="T9" s="1038">
        <v>0</v>
      </c>
      <c r="U9" s="1045">
        <v>100</v>
      </c>
      <c r="V9" s="1042">
        <v>116908</v>
      </c>
      <c r="W9" s="1034">
        <v>116908</v>
      </c>
      <c r="X9" s="1046">
        <v>100</v>
      </c>
      <c r="Y9" s="1047">
        <v>12.815121905233781</v>
      </c>
    </row>
    <row r="10" spans="1:25" s="997" customFormat="1" ht="20.25" customHeight="1" x14ac:dyDescent="0.15">
      <c r="A10" s="1048" t="s">
        <v>36</v>
      </c>
      <c r="B10" s="1049">
        <v>364402</v>
      </c>
      <c r="C10" s="1049">
        <v>9</v>
      </c>
      <c r="D10" s="1050">
        <v>0</v>
      </c>
      <c r="E10" s="1050">
        <v>9</v>
      </c>
      <c r="F10" s="1043">
        <v>0</v>
      </c>
      <c r="G10" s="1051">
        <v>0</v>
      </c>
      <c r="H10" s="1052">
        <v>0</v>
      </c>
      <c r="I10" s="1053">
        <v>9</v>
      </c>
      <c r="J10" s="1054">
        <v>0</v>
      </c>
      <c r="K10" s="1055">
        <v>100</v>
      </c>
      <c r="L10" s="1056">
        <v>40107</v>
      </c>
      <c r="M10" s="1056">
        <v>285</v>
      </c>
      <c r="N10" s="1057">
        <v>0</v>
      </c>
      <c r="O10" s="1049">
        <v>39822</v>
      </c>
      <c r="P10" s="1043" t="s">
        <v>258</v>
      </c>
      <c r="Q10" s="1051">
        <v>0</v>
      </c>
      <c r="R10" s="1058" t="s">
        <v>184</v>
      </c>
      <c r="S10" s="1053">
        <v>39822</v>
      </c>
      <c r="T10" s="1054">
        <v>0</v>
      </c>
      <c r="U10" s="1059">
        <v>100</v>
      </c>
      <c r="V10" s="1049">
        <v>39831</v>
      </c>
      <c r="W10" s="1043">
        <v>39831</v>
      </c>
      <c r="X10" s="1060">
        <v>100</v>
      </c>
      <c r="Y10" s="1061">
        <v>10.930510809490618</v>
      </c>
    </row>
    <row r="11" spans="1:25" s="997" customFormat="1" ht="20.25" customHeight="1" x14ac:dyDescent="0.15">
      <c r="A11" s="1048" t="s">
        <v>35</v>
      </c>
      <c r="B11" s="1062">
        <v>198142</v>
      </c>
      <c r="C11" s="1062">
        <v>0</v>
      </c>
      <c r="D11" s="1043">
        <v>0</v>
      </c>
      <c r="E11" s="1043">
        <v>0</v>
      </c>
      <c r="F11" s="1043">
        <v>0</v>
      </c>
      <c r="G11" s="1063">
        <v>0</v>
      </c>
      <c r="H11" s="1064">
        <v>0</v>
      </c>
      <c r="I11" s="1065">
        <v>0</v>
      </c>
      <c r="J11" s="1054">
        <v>0</v>
      </c>
      <c r="K11" s="683">
        <v>0</v>
      </c>
      <c r="L11" s="1056">
        <v>20196</v>
      </c>
      <c r="M11" s="1056">
        <v>4217</v>
      </c>
      <c r="N11" s="1056">
        <v>0</v>
      </c>
      <c r="O11" s="1062">
        <v>15979</v>
      </c>
      <c r="P11" s="1043" t="s">
        <v>258</v>
      </c>
      <c r="Q11" s="1063">
        <v>0</v>
      </c>
      <c r="R11" s="1064" t="s">
        <v>184</v>
      </c>
      <c r="S11" s="1065">
        <v>15979</v>
      </c>
      <c r="T11" s="1054">
        <v>0</v>
      </c>
      <c r="U11" s="1066">
        <v>100</v>
      </c>
      <c r="V11" s="1062">
        <v>15979</v>
      </c>
      <c r="W11" s="1043">
        <v>15979</v>
      </c>
      <c r="X11" s="1067">
        <v>100</v>
      </c>
      <c r="Y11" s="1061">
        <v>8.0644184473761253</v>
      </c>
    </row>
    <row r="12" spans="1:25" s="997" customFormat="1" ht="20.25" customHeight="1" x14ac:dyDescent="0.15">
      <c r="A12" s="1048" t="s">
        <v>34</v>
      </c>
      <c r="B12" s="1062">
        <v>94726</v>
      </c>
      <c r="C12" s="1062">
        <v>0</v>
      </c>
      <c r="D12" s="1043">
        <v>696</v>
      </c>
      <c r="E12" s="1043">
        <v>696</v>
      </c>
      <c r="F12" s="1043">
        <v>653</v>
      </c>
      <c r="G12" s="1063">
        <v>43</v>
      </c>
      <c r="H12" s="1064">
        <v>0</v>
      </c>
      <c r="I12" s="1065">
        <v>0</v>
      </c>
      <c r="J12" s="1054">
        <v>0</v>
      </c>
      <c r="K12" s="683">
        <v>0</v>
      </c>
      <c r="L12" s="1056">
        <v>7763</v>
      </c>
      <c r="M12" s="1056">
        <v>5870</v>
      </c>
      <c r="N12" s="1056">
        <v>1893</v>
      </c>
      <c r="O12" s="1062">
        <v>0</v>
      </c>
      <c r="P12" s="1043" t="s">
        <v>258</v>
      </c>
      <c r="Q12" s="1063">
        <v>0</v>
      </c>
      <c r="R12" s="1064" t="s">
        <v>184</v>
      </c>
      <c r="S12" s="1065">
        <v>0</v>
      </c>
      <c r="T12" s="1054">
        <v>0</v>
      </c>
      <c r="U12" s="683">
        <v>0</v>
      </c>
      <c r="V12" s="1062">
        <v>696</v>
      </c>
      <c r="W12" s="1043">
        <v>0</v>
      </c>
      <c r="X12" s="1067">
        <v>0</v>
      </c>
      <c r="Y12" s="1061">
        <v>0.73475075480860585</v>
      </c>
    </row>
    <row r="13" spans="1:25" s="997" customFormat="1" ht="20.25" customHeight="1" thickBot="1" x14ac:dyDescent="0.2">
      <c r="A13" s="1068" t="s">
        <v>33</v>
      </c>
      <c r="B13" s="1069">
        <v>72183</v>
      </c>
      <c r="C13" s="1069">
        <v>0</v>
      </c>
      <c r="D13" s="1070">
        <v>648</v>
      </c>
      <c r="E13" s="1070">
        <v>648</v>
      </c>
      <c r="F13" s="1070">
        <v>0</v>
      </c>
      <c r="G13" s="1071">
        <v>0</v>
      </c>
      <c r="H13" s="1072">
        <v>179</v>
      </c>
      <c r="I13" s="1073">
        <v>827</v>
      </c>
      <c r="J13" s="1074">
        <v>0</v>
      </c>
      <c r="K13" s="1075">
        <v>127.62345679012346</v>
      </c>
      <c r="L13" s="1076">
        <v>5008</v>
      </c>
      <c r="M13" s="1076">
        <v>3614</v>
      </c>
      <c r="N13" s="1077">
        <v>1394</v>
      </c>
      <c r="O13" s="1069">
        <v>0</v>
      </c>
      <c r="P13" s="1070" t="s">
        <v>258</v>
      </c>
      <c r="Q13" s="1071">
        <v>0</v>
      </c>
      <c r="R13" s="1078" t="s">
        <v>184</v>
      </c>
      <c r="S13" s="1073">
        <v>0</v>
      </c>
      <c r="T13" s="1074">
        <v>0</v>
      </c>
      <c r="U13" s="1079">
        <v>0</v>
      </c>
      <c r="V13" s="1069">
        <v>648</v>
      </c>
      <c r="W13" s="1070">
        <v>827</v>
      </c>
      <c r="X13" s="1080">
        <v>127.62345679012346</v>
      </c>
      <c r="Y13" s="1081">
        <v>0.8977182993225552</v>
      </c>
    </row>
    <row r="14" spans="1:25" s="997" customFormat="1" ht="20.25" customHeight="1" x14ac:dyDescent="0.15">
      <c r="A14" s="1031" t="s">
        <v>32</v>
      </c>
      <c r="B14" s="1032">
        <v>53280</v>
      </c>
      <c r="C14" s="1032">
        <v>0</v>
      </c>
      <c r="D14" s="1033">
        <v>0</v>
      </c>
      <c r="E14" s="1033">
        <v>0</v>
      </c>
      <c r="F14" s="1033">
        <v>0</v>
      </c>
      <c r="G14" s="1082">
        <v>0</v>
      </c>
      <c r="H14" s="1083">
        <v>0</v>
      </c>
      <c r="I14" s="1084">
        <v>0</v>
      </c>
      <c r="J14" s="1085">
        <v>0</v>
      </c>
      <c r="K14" s="683">
        <v>0</v>
      </c>
      <c r="L14" s="1041">
        <v>2854</v>
      </c>
      <c r="M14" s="1041">
        <v>2334</v>
      </c>
      <c r="N14" s="1086">
        <v>515</v>
      </c>
      <c r="O14" s="1032">
        <v>5</v>
      </c>
      <c r="P14" s="1033" t="s">
        <v>258</v>
      </c>
      <c r="Q14" s="1082">
        <v>5</v>
      </c>
      <c r="R14" s="1087" t="s">
        <v>184</v>
      </c>
      <c r="S14" s="1084">
        <v>0</v>
      </c>
      <c r="T14" s="1085">
        <v>0</v>
      </c>
      <c r="U14" s="683">
        <v>0</v>
      </c>
      <c r="V14" s="1042">
        <v>5</v>
      </c>
      <c r="W14" s="1034">
        <v>0</v>
      </c>
      <c r="X14" s="1046">
        <v>0</v>
      </c>
      <c r="Y14" s="1047">
        <v>9.3843843843843845E-3</v>
      </c>
    </row>
    <row r="15" spans="1:25" s="997" customFormat="1" ht="20.25" customHeight="1" x14ac:dyDescent="0.15">
      <c r="A15" s="1048" t="s">
        <v>31</v>
      </c>
      <c r="B15" s="1062">
        <v>102542</v>
      </c>
      <c r="C15" s="1062">
        <v>95</v>
      </c>
      <c r="D15" s="1043">
        <v>10</v>
      </c>
      <c r="E15" s="1043">
        <v>105</v>
      </c>
      <c r="F15" s="1043">
        <v>0</v>
      </c>
      <c r="G15" s="1063">
        <v>0</v>
      </c>
      <c r="H15" s="1064">
        <v>0</v>
      </c>
      <c r="I15" s="1065">
        <v>105</v>
      </c>
      <c r="J15" s="1054">
        <v>0</v>
      </c>
      <c r="K15" s="682">
        <v>100</v>
      </c>
      <c r="L15" s="1056">
        <v>10129</v>
      </c>
      <c r="M15" s="1056">
        <v>6971</v>
      </c>
      <c r="N15" s="1056">
        <v>3158</v>
      </c>
      <c r="O15" s="1062">
        <v>0</v>
      </c>
      <c r="P15" s="1043" t="s">
        <v>258</v>
      </c>
      <c r="Q15" s="1063">
        <v>0</v>
      </c>
      <c r="R15" s="1064" t="s">
        <v>184</v>
      </c>
      <c r="S15" s="1065">
        <v>0</v>
      </c>
      <c r="T15" s="1054">
        <v>0</v>
      </c>
      <c r="U15" s="683">
        <v>0</v>
      </c>
      <c r="V15" s="1062">
        <v>105</v>
      </c>
      <c r="W15" s="1043">
        <v>105</v>
      </c>
      <c r="X15" s="1067">
        <v>100</v>
      </c>
      <c r="Y15" s="1061">
        <v>0.10239706656784536</v>
      </c>
    </row>
    <row r="16" spans="1:25" s="997" customFormat="1" ht="20.25" customHeight="1" x14ac:dyDescent="0.15">
      <c r="A16" s="1048" t="s">
        <v>30</v>
      </c>
      <c r="B16" s="1062">
        <v>60931</v>
      </c>
      <c r="C16" s="1062">
        <v>0</v>
      </c>
      <c r="D16" s="1043">
        <v>467</v>
      </c>
      <c r="E16" s="1043">
        <v>467</v>
      </c>
      <c r="F16" s="1043">
        <v>0</v>
      </c>
      <c r="G16" s="1063">
        <v>467</v>
      </c>
      <c r="H16" s="1064">
        <v>0</v>
      </c>
      <c r="I16" s="1065">
        <v>0</v>
      </c>
      <c r="J16" s="1054">
        <v>0</v>
      </c>
      <c r="K16" s="1055">
        <v>0</v>
      </c>
      <c r="L16" s="1056">
        <v>6191</v>
      </c>
      <c r="M16" s="1056">
        <v>1363</v>
      </c>
      <c r="N16" s="1056">
        <v>158</v>
      </c>
      <c r="O16" s="1062">
        <v>4670</v>
      </c>
      <c r="P16" s="1043" t="s">
        <v>258</v>
      </c>
      <c r="Q16" s="1063">
        <v>4670</v>
      </c>
      <c r="R16" s="1064" t="s">
        <v>184</v>
      </c>
      <c r="S16" s="1065">
        <v>0</v>
      </c>
      <c r="T16" s="1054">
        <v>0</v>
      </c>
      <c r="U16" s="1088">
        <v>0</v>
      </c>
      <c r="V16" s="1062">
        <v>5137</v>
      </c>
      <c r="W16" s="1043">
        <v>0</v>
      </c>
      <c r="X16" s="1067">
        <v>0</v>
      </c>
      <c r="Y16" s="1061">
        <v>8.4308480084029469</v>
      </c>
    </row>
    <row r="17" spans="1:25" s="997" customFormat="1" ht="20.25" customHeight="1" x14ac:dyDescent="0.15">
      <c r="A17" s="1048" t="s">
        <v>29</v>
      </c>
      <c r="B17" s="1062">
        <v>62781</v>
      </c>
      <c r="C17" s="1062">
        <v>0</v>
      </c>
      <c r="D17" s="1043">
        <v>0</v>
      </c>
      <c r="E17" s="1043">
        <v>0</v>
      </c>
      <c r="F17" s="1043">
        <v>0</v>
      </c>
      <c r="G17" s="1063">
        <v>0</v>
      </c>
      <c r="H17" s="1064">
        <v>0</v>
      </c>
      <c r="I17" s="1065">
        <v>0</v>
      </c>
      <c r="J17" s="1054">
        <v>0</v>
      </c>
      <c r="K17" s="683">
        <v>0</v>
      </c>
      <c r="L17" s="1056">
        <v>6429</v>
      </c>
      <c r="M17" s="1056">
        <v>1817</v>
      </c>
      <c r="N17" s="1056">
        <v>524</v>
      </c>
      <c r="O17" s="1062">
        <v>4088</v>
      </c>
      <c r="P17" s="1043" t="s">
        <v>258</v>
      </c>
      <c r="Q17" s="1063">
        <v>477</v>
      </c>
      <c r="R17" s="1064" t="s">
        <v>184</v>
      </c>
      <c r="S17" s="1065">
        <v>3611</v>
      </c>
      <c r="T17" s="1054">
        <v>0</v>
      </c>
      <c r="U17" s="1088">
        <v>88.331702544031316</v>
      </c>
      <c r="V17" s="1062">
        <v>4088</v>
      </c>
      <c r="W17" s="1043">
        <v>3611</v>
      </c>
      <c r="X17" s="1067">
        <v>88.331702544031316</v>
      </c>
      <c r="Y17" s="1061">
        <v>6.5115241872541061</v>
      </c>
    </row>
    <row r="18" spans="1:25" s="997" customFormat="1" ht="20.25" customHeight="1" thickBot="1" x14ac:dyDescent="0.2">
      <c r="A18" s="1068" t="s">
        <v>28</v>
      </c>
      <c r="B18" s="1069">
        <v>13926</v>
      </c>
      <c r="C18" s="1069">
        <v>0</v>
      </c>
      <c r="D18" s="1070">
        <v>0</v>
      </c>
      <c r="E18" s="1070">
        <v>0</v>
      </c>
      <c r="F18" s="1070">
        <v>0</v>
      </c>
      <c r="G18" s="1071">
        <v>0</v>
      </c>
      <c r="H18" s="1078">
        <v>0</v>
      </c>
      <c r="I18" s="1073">
        <v>0</v>
      </c>
      <c r="J18" s="1074">
        <v>0</v>
      </c>
      <c r="K18" s="1089">
        <v>0</v>
      </c>
      <c r="L18" s="1077">
        <v>1075</v>
      </c>
      <c r="M18" s="1077">
        <v>1012</v>
      </c>
      <c r="N18" s="1077">
        <v>0</v>
      </c>
      <c r="O18" s="1069">
        <v>63</v>
      </c>
      <c r="P18" s="1070" t="s">
        <v>258</v>
      </c>
      <c r="Q18" s="1071">
        <v>63</v>
      </c>
      <c r="R18" s="1078" t="s">
        <v>184</v>
      </c>
      <c r="S18" s="1073">
        <v>0</v>
      </c>
      <c r="T18" s="1074">
        <v>0</v>
      </c>
      <c r="U18" s="1079">
        <v>0</v>
      </c>
      <c r="V18" s="1069">
        <v>63</v>
      </c>
      <c r="W18" s="1070">
        <v>0</v>
      </c>
      <c r="X18" s="1090">
        <v>0</v>
      </c>
      <c r="Y18" s="1081">
        <v>0.45239121068504951</v>
      </c>
    </row>
    <row r="19" spans="1:25" s="997" customFormat="1" ht="20.25" customHeight="1" x14ac:dyDescent="0.15">
      <c r="A19" s="1031" t="s">
        <v>27</v>
      </c>
      <c r="B19" s="1032">
        <v>13818</v>
      </c>
      <c r="C19" s="1032">
        <v>0</v>
      </c>
      <c r="D19" s="1033">
        <v>55</v>
      </c>
      <c r="E19" s="1033">
        <v>55</v>
      </c>
      <c r="F19" s="1033">
        <v>0</v>
      </c>
      <c r="G19" s="1082">
        <v>0</v>
      </c>
      <c r="H19" s="1087">
        <v>653</v>
      </c>
      <c r="I19" s="1084">
        <v>708</v>
      </c>
      <c r="J19" s="1085">
        <v>0</v>
      </c>
      <c r="K19" s="682">
        <v>1287.2727272727273</v>
      </c>
      <c r="L19" s="1086">
        <v>609</v>
      </c>
      <c r="M19" s="1086">
        <v>609</v>
      </c>
      <c r="N19" s="1086">
        <v>0</v>
      </c>
      <c r="O19" s="1032">
        <v>0</v>
      </c>
      <c r="P19" s="1033" t="s">
        <v>258</v>
      </c>
      <c r="Q19" s="1082">
        <v>0</v>
      </c>
      <c r="R19" s="1087" t="s">
        <v>184</v>
      </c>
      <c r="S19" s="1084">
        <v>0</v>
      </c>
      <c r="T19" s="1085">
        <v>0</v>
      </c>
      <c r="U19" s="683">
        <v>0</v>
      </c>
      <c r="V19" s="1032">
        <v>55</v>
      </c>
      <c r="W19" s="1033">
        <v>708</v>
      </c>
      <c r="X19" s="1091">
        <v>1287.2727272727273</v>
      </c>
      <c r="Y19" s="1092">
        <v>0.39803155304675059</v>
      </c>
    </row>
    <row r="20" spans="1:25" s="997" customFormat="1" ht="20.25" customHeight="1" x14ac:dyDescent="0.15">
      <c r="A20" s="1048" t="s">
        <v>26</v>
      </c>
      <c r="B20" s="1062">
        <v>43639</v>
      </c>
      <c r="C20" s="1062">
        <v>0</v>
      </c>
      <c r="D20" s="1043">
        <v>474</v>
      </c>
      <c r="E20" s="1043">
        <v>474</v>
      </c>
      <c r="F20" s="1043">
        <v>0</v>
      </c>
      <c r="G20" s="1063">
        <v>474</v>
      </c>
      <c r="H20" s="1064">
        <v>0</v>
      </c>
      <c r="I20" s="1065">
        <v>0</v>
      </c>
      <c r="J20" s="1054">
        <v>0</v>
      </c>
      <c r="K20" s="683">
        <v>0</v>
      </c>
      <c r="L20" s="1056">
        <v>3101</v>
      </c>
      <c r="M20" s="1056">
        <v>2881</v>
      </c>
      <c r="N20" s="1056">
        <v>0</v>
      </c>
      <c r="O20" s="1062">
        <v>220</v>
      </c>
      <c r="P20" s="1043" t="s">
        <v>258</v>
      </c>
      <c r="Q20" s="1063">
        <v>220</v>
      </c>
      <c r="R20" s="1064" t="s">
        <v>184</v>
      </c>
      <c r="S20" s="1062">
        <v>0</v>
      </c>
      <c r="T20" s="1043">
        <v>0</v>
      </c>
      <c r="U20" s="1088">
        <v>0</v>
      </c>
      <c r="V20" s="1062">
        <v>694</v>
      </c>
      <c r="W20" s="1043">
        <v>0</v>
      </c>
      <c r="X20" s="1067">
        <v>0</v>
      </c>
      <c r="Y20" s="1061">
        <v>1.5903205847980015</v>
      </c>
    </row>
    <row r="21" spans="1:25" s="997" customFormat="1" ht="20.25" customHeight="1" x14ac:dyDescent="0.15">
      <c r="A21" s="1048" t="s">
        <v>25</v>
      </c>
      <c r="B21" s="1062">
        <v>63252</v>
      </c>
      <c r="C21" s="1062">
        <v>0</v>
      </c>
      <c r="D21" s="1043">
        <v>0</v>
      </c>
      <c r="E21" s="1043">
        <v>0</v>
      </c>
      <c r="F21" s="1043">
        <v>0</v>
      </c>
      <c r="G21" s="1063">
        <v>0</v>
      </c>
      <c r="H21" s="1064">
        <v>0</v>
      </c>
      <c r="I21" s="1065">
        <v>0</v>
      </c>
      <c r="J21" s="1054">
        <v>0</v>
      </c>
      <c r="K21" s="683">
        <v>0</v>
      </c>
      <c r="L21" s="1056">
        <v>4771</v>
      </c>
      <c r="M21" s="1056">
        <v>0</v>
      </c>
      <c r="N21" s="1056">
        <v>0</v>
      </c>
      <c r="O21" s="1062">
        <v>4771</v>
      </c>
      <c r="P21" s="1043" t="s">
        <v>258</v>
      </c>
      <c r="Q21" s="1063">
        <v>4771</v>
      </c>
      <c r="R21" s="1064" t="s">
        <v>184</v>
      </c>
      <c r="S21" s="1065">
        <v>0</v>
      </c>
      <c r="T21" s="1054">
        <v>0</v>
      </c>
      <c r="U21" s="1088">
        <v>0</v>
      </c>
      <c r="V21" s="1062">
        <v>4771</v>
      </c>
      <c r="W21" s="1043">
        <v>0</v>
      </c>
      <c r="X21" s="1067">
        <v>0</v>
      </c>
      <c r="Y21" s="1061">
        <v>7.5428444950357303</v>
      </c>
    </row>
    <row r="22" spans="1:25" s="997" customFormat="1" ht="20.25" customHeight="1" x14ac:dyDescent="0.15">
      <c r="A22" s="1048" t="s">
        <v>24</v>
      </c>
      <c r="B22" s="1062">
        <v>63056</v>
      </c>
      <c r="C22" s="1062">
        <v>0</v>
      </c>
      <c r="D22" s="1043">
        <v>0</v>
      </c>
      <c r="E22" s="1043">
        <v>0</v>
      </c>
      <c r="F22" s="1043">
        <v>0</v>
      </c>
      <c r="G22" s="1063">
        <v>0</v>
      </c>
      <c r="H22" s="1064">
        <v>0</v>
      </c>
      <c r="I22" s="1065">
        <v>0</v>
      </c>
      <c r="J22" s="1054">
        <v>0</v>
      </c>
      <c r="K22" s="683">
        <v>0</v>
      </c>
      <c r="L22" s="1056">
        <v>5951</v>
      </c>
      <c r="M22" s="1056">
        <v>3719</v>
      </c>
      <c r="N22" s="1056">
        <v>1644</v>
      </c>
      <c r="O22" s="1062">
        <v>588</v>
      </c>
      <c r="P22" s="1043" t="s">
        <v>258</v>
      </c>
      <c r="Q22" s="1063">
        <v>588</v>
      </c>
      <c r="R22" s="1064" t="s">
        <v>184</v>
      </c>
      <c r="S22" s="1065">
        <v>0</v>
      </c>
      <c r="T22" s="1054">
        <v>0</v>
      </c>
      <c r="U22" s="1088">
        <v>0</v>
      </c>
      <c r="V22" s="1062">
        <v>588</v>
      </c>
      <c r="W22" s="1043">
        <v>0</v>
      </c>
      <c r="X22" s="1067">
        <v>0</v>
      </c>
      <c r="Y22" s="1061">
        <v>0.93250444049733561</v>
      </c>
    </row>
    <row r="23" spans="1:25" s="997" customFormat="1" ht="20.25" customHeight="1" thickBot="1" x14ac:dyDescent="0.2">
      <c r="A23" s="1068" t="s">
        <v>23</v>
      </c>
      <c r="B23" s="1069">
        <v>25258</v>
      </c>
      <c r="C23" s="1069">
        <v>0</v>
      </c>
      <c r="D23" s="1070">
        <v>267</v>
      </c>
      <c r="E23" s="1070">
        <v>267</v>
      </c>
      <c r="F23" s="1070">
        <v>0</v>
      </c>
      <c r="G23" s="1071">
        <v>267</v>
      </c>
      <c r="H23" s="1078">
        <v>0</v>
      </c>
      <c r="I23" s="1073">
        <v>0</v>
      </c>
      <c r="J23" s="1074">
        <v>0</v>
      </c>
      <c r="K23" s="1075">
        <v>0</v>
      </c>
      <c r="L23" s="1076">
        <v>2030</v>
      </c>
      <c r="M23" s="1076">
        <v>1885</v>
      </c>
      <c r="N23" s="1077">
        <v>0</v>
      </c>
      <c r="O23" s="1069">
        <v>145</v>
      </c>
      <c r="P23" s="1070" t="s">
        <v>258</v>
      </c>
      <c r="Q23" s="1071">
        <v>145</v>
      </c>
      <c r="R23" s="1078" t="s">
        <v>184</v>
      </c>
      <c r="S23" s="1073">
        <v>0</v>
      </c>
      <c r="T23" s="1074">
        <v>0</v>
      </c>
      <c r="U23" s="1079">
        <v>0</v>
      </c>
      <c r="V23" s="1093">
        <v>412</v>
      </c>
      <c r="W23" s="1094">
        <v>0</v>
      </c>
      <c r="X23" s="1095">
        <v>0</v>
      </c>
      <c r="Y23" s="1096">
        <v>1.6311663631324729</v>
      </c>
    </row>
    <row r="24" spans="1:25" s="997" customFormat="1" ht="20.25" customHeight="1" x14ac:dyDescent="0.15">
      <c r="A24" s="1031" t="s">
        <v>22</v>
      </c>
      <c r="B24" s="1032">
        <v>34241</v>
      </c>
      <c r="C24" s="1032">
        <v>0</v>
      </c>
      <c r="D24" s="1033">
        <v>0</v>
      </c>
      <c r="E24" s="1033">
        <v>0</v>
      </c>
      <c r="F24" s="1033">
        <v>0</v>
      </c>
      <c r="G24" s="1082">
        <v>0</v>
      </c>
      <c r="H24" s="1087">
        <v>0</v>
      </c>
      <c r="I24" s="1084">
        <v>0</v>
      </c>
      <c r="J24" s="1085">
        <v>0</v>
      </c>
      <c r="K24" s="683">
        <v>0</v>
      </c>
      <c r="L24" s="1041">
        <v>2888</v>
      </c>
      <c r="M24" s="1041">
        <v>2220</v>
      </c>
      <c r="N24" s="1086">
        <v>524</v>
      </c>
      <c r="O24" s="1032">
        <v>144</v>
      </c>
      <c r="P24" s="1033" t="s">
        <v>258</v>
      </c>
      <c r="Q24" s="1082">
        <v>144</v>
      </c>
      <c r="R24" s="1087" t="s">
        <v>184</v>
      </c>
      <c r="S24" s="1084">
        <v>0</v>
      </c>
      <c r="T24" s="1085">
        <v>0</v>
      </c>
      <c r="U24" s="1097">
        <v>0</v>
      </c>
      <c r="V24" s="1042">
        <v>144</v>
      </c>
      <c r="W24" s="1034">
        <v>0</v>
      </c>
      <c r="X24" s="1046">
        <v>0</v>
      </c>
      <c r="Y24" s="1047">
        <v>0.42054846529014922</v>
      </c>
    </row>
    <row r="25" spans="1:25" s="997" customFormat="1" ht="20.25" customHeight="1" x14ac:dyDescent="0.15">
      <c r="A25" s="1048" t="s">
        <v>21</v>
      </c>
      <c r="B25" s="1062">
        <v>31143</v>
      </c>
      <c r="C25" s="1062">
        <v>0</v>
      </c>
      <c r="D25" s="1043">
        <v>0</v>
      </c>
      <c r="E25" s="1043">
        <v>0</v>
      </c>
      <c r="F25" s="1043">
        <v>0</v>
      </c>
      <c r="G25" s="1063">
        <v>0</v>
      </c>
      <c r="H25" s="1064">
        <v>0</v>
      </c>
      <c r="I25" s="1065">
        <v>0</v>
      </c>
      <c r="J25" s="1054">
        <v>0</v>
      </c>
      <c r="K25" s="683">
        <v>0</v>
      </c>
      <c r="L25" s="1056">
        <v>2717</v>
      </c>
      <c r="M25" s="1056">
        <v>2088</v>
      </c>
      <c r="N25" s="1056">
        <v>494</v>
      </c>
      <c r="O25" s="1062">
        <v>135</v>
      </c>
      <c r="P25" s="1043" t="s">
        <v>258</v>
      </c>
      <c r="Q25" s="1063">
        <v>135</v>
      </c>
      <c r="R25" s="1064" t="s">
        <v>184</v>
      </c>
      <c r="S25" s="1065">
        <v>0</v>
      </c>
      <c r="T25" s="1054">
        <v>0</v>
      </c>
      <c r="U25" s="1088">
        <v>0</v>
      </c>
      <c r="V25" s="1062">
        <v>135</v>
      </c>
      <c r="W25" s="1043">
        <v>0</v>
      </c>
      <c r="X25" s="1067">
        <v>0</v>
      </c>
      <c r="Y25" s="1061">
        <v>0.43348425007224739</v>
      </c>
    </row>
    <row r="26" spans="1:25" s="997" customFormat="1" ht="20.25" customHeight="1" x14ac:dyDescent="0.15">
      <c r="A26" s="1048" t="s">
        <v>20</v>
      </c>
      <c r="B26" s="1062">
        <v>11625</v>
      </c>
      <c r="C26" s="1062">
        <v>88</v>
      </c>
      <c r="D26" s="1043">
        <v>44</v>
      </c>
      <c r="E26" s="1043">
        <v>132</v>
      </c>
      <c r="F26" s="1043">
        <v>0</v>
      </c>
      <c r="G26" s="1063">
        <v>0</v>
      </c>
      <c r="H26" s="1064">
        <v>0</v>
      </c>
      <c r="I26" s="1065">
        <v>132</v>
      </c>
      <c r="J26" s="1054">
        <v>0</v>
      </c>
      <c r="K26" s="683">
        <v>100</v>
      </c>
      <c r="L26" s="1056">
        <v>1029</v>
      </c>
      <c r="M26" s="1056">
        <v>568</v>
      </c>
      <c r="N26" s="1056">
        <v>0</v>
      </c>
      <c r="O26" s="1062">
        <v>461</v>
      </c>
      <c r="P26" s="1043" t="s">
        <v>258</v>
      </c>
      <c r="Q26" s="1063">
        <v>0</v>
      </c>
      <c r="R26" s="1064" t="s">
        <v>184</v>
      </c>
      <c r="S26" s="1065">
        <v>461</v>
      </c>
      <c r="T26" s="1054">
        <v>0</v>
      </c>
      <c r="U26" s="1088">
        <v>100</v>
      </c>
      <c r="V26" s="1062">
        <v>593</v>
      </c>
      <c r="W26" s="1043">
        <v>593</v>
      </c>
      <c r="X26" s="1067">
        <v>100</v>
      </c>
      <c r="Y26" s="1061">
        <v>5.1010752688172039</v>
      </c>
    </row>
    <row r="27" spans="1:25" s="997" customFormat="1" ht="20.25" customHeight="1" thickBot="1" x14ac:dyDescent="0.2">
      <c r="A27" s="1098" t="s">
        <v>19</v>
      </c>
      <c r="B27" s="1093">
        <v>21529</v>
      </c>
      <c r="C27" s="1093">
        <v>0</v>
      </c>
      <c r="D27" s="1094">
        <v>0</v>
      </c>
      <c r="E27" s="1043">
        <v>0</v>
      </c>
      <c r="F27" s="1094">
        <v>0</v>
      </c>
      <c r="G27" s="1099">
        <v>0</v>
      </c>
      <c r="H27" s="1100">
        <v>0</v>
      </c>
      <c r="I27" s="1065">
        <v>0</v>
      </c>
      <c r="J27" s="1101">
        <v>0</v>
      </c>
      <c r="K27" s="683">
        <v>0</v>
      </c>
      <c r="L27" s="1077">
        <v>1850</v>
      </c>
      <c r="M27" s="1077">
        <v>1422</v>
      </c>
      <c r="N27" s="1076">
        <v>336</v>
      </c>
      <c r="O27" s="1062">
        <v>92</v>
      </c>
      <c r="P27" s="1043" t="s">
        <v>258</v>
      </c>
      <c r="Q27" s="1099">
        <v>92</v>
      </c>
      <c r="R27" s="1100" t="s">
        <v>184</v>
      </c>
      <c r="S27" s="1065">
        <v>0</v>
      </c>
      <c r="T27" s="1101">
        <v>0</v>
      </c>
      <c r="U27" s="1088">
        <v>0</v>
      </c>
      <c r="V27" s="1069">
        <v>92</v>
      </c>
      <c r="W27" s="1070">
        <v>0</v>
      </c>
      <c r="X27" s="1090">
        <v>0</v>
      </c>
      <c r="Y27" s="1081">
        <v>0.42733057736076918</v>
      </c>
    </row>
    <row r="28" spans="1:25" s="997" customFormat="1" ht="20.25" customHeight="1" thickBot="1" x14ac:dyDescent="0.2">
      <c r="A28" s="188" t="s">
        <v>18</v>
      </c>
      <c r="B28" s="343">
        <v>2242740</v>
      </c>
      <c r="C28" s="343">
        <v>2650</v>
      </c>
      <c r="D28" s="1102">
        <v>2661</v>
      </c>
      <c r="E28" s="1102">
        <v>5311</v>
      </c>
      <c r="F28" s="1102">
        <v>653</v>
      </c>
      <c r="G28" s="1103">
        <v>1251</v>
      </c>
      <c r="H28" s="1104">
        <v>832</v>
      </c>
      <c r="I28" s="1105">
        <v>4239</v>
      </c>
      <c r="J28" s="1104">
        <v>0</v>
      </c>
      <c r="K28" s="1106">
        <v>79.815477311240826</v>
      </c>
      <c r="L28" s="1057">
        <v>239713</v>
      </c>
      <c r="M28" s="1057">
        <v>43440</v>
      </c>
      <c r="N28" s="294">
        <v>10640</v>
      </c>
      <c r="O28" s="343">
        <v>185633</v>
      </c>
      <c r="P28" s="1102" t="s">
        <v>258</v>
      </c>
      <c r="Q28" s="1103">
        <v>11310</v>
      </c>
      <c r="R28" s="294" t="s">
        <v>184</v>
      </c>
      <c r="S28" s="1105">
        <v>174323</v>
      </c>
      <c r="T28" s="1104">
        <v>0</v>
      </c>
      <c r="U28" s="1107">
        <v>93.907333286646235</v>
      </c>
      <c r="V28" s="343">
        <v>190944</v>
      </c>
      <c r="W28" s="1102">
        <v>178562</v>
      </c>
      <c r="X28" s="1108">
        <v>93.515376235964482</v>
      </c>
      <c r="Y28" s="1109">
        <v>8.5138714251317573</v>
      </c>
    </row>
    <row r="29" spans="1:25" s="997" customFormat="1" ht="20.25" customHeight="1" x14ac:dyDescent="0.15">
      <c r="A29" s="1031" t="s">
        <v>17</v>
      </c>
      <c r="B29" s="1093">
        <v>7854</v>
      </c>
      <c r="C29" s="1093">
        <v>0</v>
      </c>
      <c r="D29" s="1094">
        <v>20</v>
      </c>
      <c r="E29" s="1043">
        <v>20</v>
      </c>
      <c r="F29" s="1033">
        <v>0</v>
      </c>
      <c r="G29" s="1110">
        <v>20</v>
      </c>
      <c r="H29" s="1044">
        <v>0</v>
      </c>
      <c r="I29" s="1084">
        <v>0</v>
      </c>
      <c r="J29" s="1054">
        <v>0</v>
      </c>
      <c r="K29" s="683">
        <v>0</v>
      </c>
      <c r="L29" s="1041">
        <v>599</v>
      </c>
      <c r="M29" s="1041">
        <v>564</v>
      </c>
      <c r="N29" s="1086">
        <v>0</v>
      </c>
      <c r="O29" s="1032">
        <v>35</v>
      </c>
      <c r="P29" s="1033" t="s">
        <v>258</v>
      </c>
      <c r="Q29" s="1111">
        <v>35</v>
      </c>
      <c r="R29" s="1087" t="s">
        <v>184</v>
      </c>
      <c r="S29" s="1084">
        <v>0</v>
      </c>
      <c r="T29" s="1054">
        <v>0</v>
      </c>
      <c r="U29" s="1097">
        <v>0</v>
      </c>
      <c r="V29" s="1042">
        <v>55</v>
      </c>
      <c r="W29" s="1034">
        <v>0</v>
      </c>
      <c r="X29" s="1046">
        <v>0</v>
      </c>
      <c r="Y29" s="1047">
        <v>0.70028011204481799</v>
      </c>
    </row>
    <row r="30" spans="1:25" s="997" customFormat="1" ht="20.25" customHeight="1" x14ac:dyDescent="0.15">
      <c r="A30" s="1048" t="s">
        <v>16</v>
      </c>
      <c r="B30" s="1062">
        <v>12744</v>
      </c>
      <c r="C30" s="1062">
        <v>0</v>
      </c>
      <c r="D30" s="1043">
        <v>0</v>
      </c>
      <c r="E30" s="1043">
        <v>0</v>
      </c>
      <c r="F30" s="1112">
        <v>0</v>
      </c>
      <c r="G30" s="1113">
        <v>0</v>
      </c>
      <c r="H30" s="1114">
        <v>0</v>
      </c>
      <c r="I30" s="1115">
        <v>0</v>
      </c>
      <c r="J30" s="1054">
        <v>0</v>
      </c>
      <c r="K30" s="683">
        <v>0</v>
      </c>
      <c r="L30" s="1056">
        <v>1459</v>
      </c>
      <c r="M30" s="1056">
        <v>1046</v>
      </c>
      <c r="N30" s="1056">
        <v>0</v>
      </c>
      <c r="O30" s="1062">
        <v>413</v>
      </c>
      <c r="P30" s="1043" t="s">
        <v>258</v>
      </c>
      <c r="Q30" s="1063">
        <v>413</v>
      </c>
      <c r="R30" s="1064" t="s">
        <v>184</v>
      </c>
      <c r="S30" s="1065">
        <v>0</v>
      </c>
      <c r="T30" s="1054">
        <v>0</v>
      </c>
      <c r="U30" s="1088">
        <v>0</v>
      </c>
      <c r="V30" s="1062">
        <v>413</v>
      </c>
      <c r="W30" s="1043">
        <v>0</v>
      </c>
      <c r="X30" s="1067">
        <v>0</v>
      </c>
      <c r="Y30" s="1061">
        <v>3.2407407407407405</v>
      </c>
    </row>
    <row r="31" spans="1:25" s="997" customFormat="1" ht="20.25" customHeight="1" x14ac:dyDescent="0.15">
      <c r="A31" s="1048" t="s">
        <v>15</v>
      </c>
      <c r="B31" s="1062">
        <v>9432</v>
      </c>
      <c r="C31" s="1062">
        <v>0</v>
      </c>
      <c r="D31" s="1043">
        <v>89</v>
      </c>
      <c r="E31" s="1043">
        <v>89</v>
      </c>
      <c r="F31" s="1112">
        <v>87</v>
      </c>
      <c r="G31" s="1113">
        <v>2</v>
      </c>
      <c r="H31" s="1114">
        <v>0</v>
      </c>
      <c r="I31" s="1115">
        <v>0</v>
      </c>
      <c r="J31" s="1054">
        <v>0</v>
      </c>
      <c r="K31" s="683">
        <v>0</v>
      </c>
      <c r="L31" s="1056">
        <v>472</v>
      </c>
      <c r="M31" s="1056">
        <v>472</v>
      </c>
      <c r="N31" s="1056">
        <v>0</v>
      </c>
      <c r="O31" s="1062">
        <v>0</v>
      </c>
      <c r="P31" s="1043" t="s">
        <v>258</v>
      </c>
      <c r="Q31" s="1063">
        <v>0</v>
      </c>
      <c r="R31" s="1064" t="s">
        <v>184</v>
      </c>
      <c r="S31" s="1065">
        <v>0</v>
      </c>
      <c r="T31" s="1054">
        <v>0</v>
      </c>
      <c r="U31" s="1088">
        <v>0</v>
      </c>
      <c r="V31" s="1062">
        <v>89</v>
      </c>
      <c r="W31" s="1043">
        <v>0</v>
      </c>
      <c r="X31" s="1067">
        <v>0</v>
      </c>
      <c r="Y31" s="1061">
        <v>0.94359626802374885</v>
      </c>
    </row>
    <row r="32" spans="1:25" s="997" customFormat="1" ht="20.25" customHeight="1" thickBot="1" x14ac:dyDescent="0.2">
      <c r="A32" s="1068" t="s">
        <v>14</v>
      </c>
      <c r="B32" s="1069">
        <v>7368</v>
      </c>
      <c r="C32" s="1069">
        <v>0</v>
      </c>
      <c r="D32" s="1070">
        <v>90</v>
      </c>
      <c r="E32" s="1094">
        <v>90</v>
      </c>
      <c r="F32" s="1116">
        <v>90</v>
      </c>
      <c r="G32" s="1117">
        <v>0</v>
      </c>
      <c r="H32" s="1118">
        <v>0</v>
      </c>
      <c r="I32" s="1119">
        <v>0</v>
      </c>
      <c r="J32" s="1101">
        <v>0</v>
      </c>
      <c r="K32" s="670">
        <v>0</v>
      </c>
      <c r="L32" s="1077">
        <v>332</v>
      </c>
      <c r="M32" s="1077">
        <v>332</v>
      </c>
      <c r="N32" s="1076">
        <v>0</v>
      </c>
      <c r="O32" s="1093">
        <v>0</v>
      </c>
      <c r="P32" s="1094" t="s">
        <v>258</v>
      </c>
      <c r="Q32" s="1099">
        <v>0</v>
      </c>
      <c r="R32" s="1100" t="s">
        <v>184</v>
      </c>
      <c r="S32" s="1120">
        <v>0</v>
      </c>
      <c r="T32" s="1101">
        <v>0</v>
      </c>
      <c r="U32" s="1121">
        <v>0</v>
      </c>
      <c r="V32" s="1069">
        <v>90</v>
      </c>
      <c r="W32" s="1070">
        <v>0</v>
      </c>
      <c r="X32" s="1090">
        <v>0</v>
      </c>
      <c r="Y32" s="1081">
        <v>1.221498371335505</v>
      </c>
    </row>
    <row r="33" spans="1:25" s="997" customFormat="1" ht="20.25" customHeight="1" x14ac:dyDescent="0.15">
      <c r="A33" s="1031" t="s">
        <v>13</v>
      </c>
      <c r="B33" s="1032">
        <v>2782</v>
      </c>
      <c r="C33" s="1032">
        <v>0</v>
      </c>
      <c r="D33" s="1033">
        <v>21</v>
      </c>
      <c r="E33" s="1034">
        <v>21</v>
      </c>
      <c r="F33" s="1122">
        <v>0</v>
      </c>
      <c r="G33" s="1123">
        <v>0</v>
      </c>
      <c r="H33" s="1124">
        <v>0</v>
      </c>
      <c r="I33" s="1125">
        <v>21</v>
      </c>
      <c r="J33" s="1038">
        <v>21</v>
      </c>
      <c r="K33" s="1039">
        <v>100</v>
      </c>
      <c r="L33" s="1086">
        <v>208</v>
      </c>
      <c r="M33" s="1086">
        <v>32</v>
      </c>
      <c r="N33" s="1041">
        <v>10</v>
      </c>
      <c r="O33" s="1042">
        <v>166</v>
      </c>
      <c r="P33" s="1034" t="s">
        <v>258</v>
      </c>
      <c r="Q33" s="1035">
        <v>70</v>
      </c>
      <c r="R33" s="1036" t="s">
        <v>184</v>
      </c>
      <c r="S33" s="1037">
        <v>96</v>
      </c>
      <c r="T33" s="1038">
        <v>96</v>
      </c>
      <c r="U33" s="1045">
        <v>57.831325301204814</v>
      </c>
      <c r="V33" s="1042">
        <v>187</v>
      </c>
      <c r="W33" s="1034">
        <v>117</v>
      </c>
      <c r="X33" s="1046">
        <v>62.566844919786092</v>
      </c>
      <c r="Y33" s="1047">
        <v>6.721782890007189</v>
      </c>
    </row>
    <row r="34" spans="1:25" s="997" customFormat="1" ht="20.25" customHeight="1" x14ac:dyDescent="0.15">
      <c r="A34" s="1048" t="s">
        <v>12</v>
      </c>
      <c r="B34" s="1062">
        <v>4841</v>
      </c>
      <c r="C34" s="1062">
        <v>0</v>
      </c>
      <c r="D34" s="1043">
        <v>36</v>
      </c>
      <c r="E34" s="1043">
        <v>36</v>
      </c>
      <c r="F34" s="1112">
        <v>0</v>
      </c>
      <c r="G34" s="1113">
        <v>0</v>
      </c>
      <c r="H34" s="1114">
        <v>0</v>
      </c>
      <c r="I34" s="1115">
        <v>36</v>
      </c>
      <c r="J34" s="1054">
        <v>36</v>
      </c>
      <c r="K34" s="683">
        <v>100</v>
      </c>
      <c r="L34" s="1056">
        <v>335</v>
      </c>
      <c r="M34" s="1056">
        <v>52</v>
      </c>
      <c r="N34" s="1056">
        <v>16</v>
      </c>
      <c r="O34" s="1062">
        <v>267</v>
      </c>
      <c r="P34" s="1043" t="s">
        <v>258</v>
      </c>
      <c r="Q34" s="1063">
        <v>113</v>
      </c>
      <c r="R34" s="1064" t="s">
        <v>184</v>
      </c>
      <c r="S34" s="1065">
        <v>154</v>
      </c>
      <c r="T34" s="1054">
        <v>154</v>
      </c>
      <c r="U34" s="1088">
        <v>57.677902621722843</v>
      </c>
      <c r="V34" s="1062">
        <v>303</v>
      </c>
      <c r="W34" s="1043">
        <v>190</v>
      </c>
      <c r="X34" s="1067">
        <v>62.706270627062707</v>
      </c>
      <c r="Y34" s="1061">
        <v>6.2590373889692215</v>
      </c>
    </row>
    <row r="35" spans="1:25" s="997" customFormat="1" ht="20.25" customHeight="1" x14ac:dyDescent="0.15">
      <c r="A35" s="1048" t="s">
        <v>11</v>
      </c>
      <c r="B35" s="1062">
        <v>2954</v>
      </c>
      <c r="C35" s="1062">
        <v>0</v>
      </c>
      <c r="D35" s="1043">
        <v>24</v>
      </c>
      <c r="E35" s="1043">
        <v>24</v>
      </c>
      <c r="F35" s="1112">
        <v>0</v>
      </c>
      <c r="G35" s="1113">
        <v>0</v>
      </c>
      <c r="H35" s="1114">
        <v>0</v>
      </c>
      <c r="I35" s="1115">
        <v>24</v>
      </c>
      <c r="J35" s="1054">
        <v>24</v>
      </c>
      <c r="K35" s="683">
        <v>100</v>
      </c>
      <c r="L35" s="1056">
        <v>198</v>
      </c>
      <c r="M35" s="1056">
        <v>31</v>
      </c>
      <c r="N35" s="1056">
        <v>9</v>
      </c>
      <c r="O35" s="1062">
        <v>158</v>
      </c>
      <c r="P35" s="1043" t="s">
        <v>258</v>
      </c>
      <c r="Q35" s="1063">
        <v>67</v>
      </c>
      <c r="R35" s="1064" t="s">
        <v>184</v>
      </c>
      <c r="S35" s="1065">
        <v>91</v>
      </c>
      <c r="T35" s="1054">
        <v>91</v>
      </c>
      <c r="U35" s="1088">
        <v>57.594936708860757</v>
      </c>
      <c r="V35" s="1062">
        <v>182</v>
      </c>
      <c r="W35" s="1043">
        <v>115</v>
      </c>
      <c r="X35" s="1067">
        <v>63.186813186813183</v>
      </c>
      <c r="Y35" s="1061">
        <v>6.1611374407582939</v>
      </c>
    </row>
    <row r="36" spans="1:25" s="997" customFormat="1" ht="20.25" customHeight="1" x14ac:dyDescent="0.15">
      <c r="A36" s="1048" t="s">
        <v>10</v>
      </c>
      <c r="B36" s="1062">
        <v>3058</v>
      </c>
      <c r="C36" s="1062">
        <v>0</v>
      </c>
      <c r="D36" s="1043">
        <v>46</v>
      </c>
      <c r="E36" s="1043">
        <v>46</v>
      </c>
      <c r="F36" s="1112">
        <v>0</v>
      </c>
      <c r="G36" s="1113">
        <v>46</v>
      </c>
      <c r="H36" s="1058">
        <v>0</v>
      </c>
      <c r="I36" s="1065">
        <v>0</v>
      </c>
      <c r="J36" s="1054">
        <v>0</v>
      </c>
      <c r="K36" s="683">
        <v>0</v>
      </c>
      <c r="L36" s="1056">
        <v>292</v>
      </c>
      <c r="M36" s="1056">
        <v>5</v>
      </c>
      <c r="N36" s="1056">
        <v>0</v>
      </c>
      <c r="O36" s="1062">
        <v>287</v>
      </c>
      <c r="P36" s="1043" t="s">
        <v>258</v>
      </c>
      <c r="Q36" s="1063">
        <v>287</v>
      </c>
      <c r="R36" s="1064" t="s">
        <v>184</v>
      </c>
      <c r="S36" s="1065">
        <v>0</v>
      </c>
      <c r="T36" s="1054">
        <v>0</v>
      </c>
      <c r="U36" s="1088">
        <v>0</v>
      </c>
      <c r="V36" s="1062">
        <v>333</v>
      </c>
      <c r="W36" s="1043">
        <v>0</v>
      </c>
      <c r="X36" s="1067">
        <v>0</v>
      </c>
      <c r="Y36" s="1061">
        <v>10.889470241988228</v>
      </c>
    </row>
    <row r="37" spans="1:25" s="997" customFormat="1" ht="20.25" customHeight="1" thickBot="1" x14ac:dyDescent="0.2">
      <c r="A37" s="1068" t="s">
        <v>9</v>
      </c>
      <c r="B37" s="1069">
        <v>5141</v>
      </c>
      <c r="C37" s="1069">
        <v>0</v>
      </c>
      <c r="D37" s="1070">
        <v>53</v>
      </c>
      <c r="E37" s="1070">
        <v>53</v>
      </c>
      <c r="F37" s="1116">
        <v>0</v>
      </c>
      <c r="G37" s="1117">
        <v>53</v>
      </c>
      <c r="H37" s="1126">
        <v>0</v>
      </c>
      <c r="I37" s="1073">
        <v>0</v>
      </c>
      <c r="J37" s="1074">
        <v>0</v>
      </c>
      <c r="K37" s="1075">
        <v>0</v>
      </c>
      <c r="L37" s="1076">
        <v>422</v>
      </c>
      <c r="M37" s="1076">
        <v>7</v>
      </c>
      <c r="N37" s="1077">
        <v>0</v>
      </c>
      <c r="O37" s="1069">
        <v>415</v>
      </c>
      <c r="P37" s="1070" t="s">
        <v>258</v>
      </c>
      <c r="Q37" s="1071">
        <v>415</v>
      </c>
      <c r="R37" s="1078" t="s">
        <v>184</v>
      </c>
      <c r="S37" s="1073">
        <v>0</v>
      </c>
      <c r="T37" s="1074">
        <v>0</v>
      </c>
      <c r="U37" s="1079">
        <v>0</v>
      </c>
      <c r="V37" s="1069">
        <v>468</v>
      </c>
      <c r="W37" s="1070">
        <v>0</v>
      </c>
      <c r="X37" s="1090">
        <v>0</v>
      </c>
      <c r="Y37" s="1081">
        <v>9.1032872981910131</v>
      </c>
    </row>
    <row r="38" spans="1:25" s="997" customFormat="1" ht="20.25" customHeight="1" x14ac:dyDescent="0.15">
      <c r="A38" s="1031" t="s">
        <v>8</v>
      </c>
      <c r="B38" s="1032">
        <v>13547</v>
      </c>
      <c r="C38" s="1032">
        <v>0</v>
      </c>
      <c r="D38" s="1033">
        <v>0</v>
      </c>
      <c r="E38" s="1033">
        <v>0</v>
      </c>
      <c r="F38" s="1122">
        <v>0</v>
      </c>
      <c r="G38" s="1123">
        <v>0</v>
      </c>
      <c r="H38" s="1127">
        <v>0</v>
      </c>
      <c r="I38" s="1084">
        <v>0</v>
      </c>
      <c r="J38" s="1085">
        <v>0</v>
      </c>
      <c r="K38" s="683">
        <v>0</v>
      </c>
      <c r="L38" s="1041">
        <v>1670</v>
      </c>
      <c r="M38" s="1041">
        <v>362</v>
      </c>
      <c r="N38" s="1086">
        <v>0</v>
      </c>
      <c r="O38" s="1032">
        <v>1308</v>
      </c>
      <c r="P38" s="1033" t="s">
        <v>258</v>
      </c>
      <c r="Q38" s="1082">
        <v>0</v>
      </c>
      <c r="R38" s="1087" t="s">
        <v>184</v>
      </c>
      <c r="S38" s="1084">
        <v>1308</v>
      </c>
      <c r="T38" s="1085">
        <v>0</v>
      </c>
      <c r="U38" s="1097">
        <v>100</v>
      </c>
      <c r="V38" s="1042">
        <v>1308</v>
      </c>
      <c r="W38" s="1034">
        <v>1308</v>
      </c>
      <c r="X38" s="1046">
        <v>100</v>
      </c>
      <c r="Y38" s="1047">
        <v>9.6552742304569286</v>
      </c>
    </row>
    <row r="39" spans="1:25" s="997" customFormat="1" ht="20.25" customHeight="1" x14ac:dyDescent="0.15">
      <c r="A39" s="1048" t="s">
        <v>7</v>
      </c>
      <c r="B39" s="1062">
        <v>2667</v>
      </c>
      <c r="C39" s="1062">
        <v>0</v>
      </c>
      <c r="D39" s="1043">
        <v>24</v>
      </c>
      <c r="E39" s="1043">
        <v>24</v>
      </c>
      <c r="F39" s="1112">
        <v>0</v>
      </c>
      <c r="G39" s="1113">
        <v>24</v>
      </c>
      <c r="H39" s="1058">
        <v>0</v>
      </c>
      <c r="I39" s="1065">
        <v>0</v>
      </c>
      <c r="J39" s="1054">
        <v>0</v>
      </c>
      <c r="K39" s="683">
        <v>0</v>
      </c>
      <c r="L39" s="1056">
        <v>273</v>
      </c>
      <c r="M39" s="1056">
        <v>0</v>
      </c>
      <c r="N39" s="1056">
        <v>0</v>
      </c>
      <c r="O39" s="1062">
        <v>273</v>
      </c>
      <c r="P39" s="1043" t="s">
        <v>258</v>
      </c>
      <c r="Q39" s="1063">
        <v>0</v>
      </c>
      <c r="R39" s="1064" t="s">
        <v>184</v>
      </c>
      <c r="S39" s="1065">
        <v>273</v>
      </c>
      <c r="T39" s="1054">
        <v>273</v>
      </c>
      <c r="U39" s="1088">
        <v>100</v>
      </c>
      <c r="V39" s="1062">
        <v>297</v>
      </c>
      <c r="W39" s="1043">
        <v>273</v>
      </c>
      <c r="X39" s="1067">
        <v>91.919191919191917</v>
      </c>
      <c r="Y39" s="1061">
        <v>11.136107986501688</v>
      </c>
    </row>
    <row r="40" spans="1:25" s="997" customFormat="1" ht="20.25" customHeight="1" x14ac:dyDescent="0.15">
      <c r="A40" s="1048" t="s">
        <v>6</v>
      </c>
      <c r="B40" s="1062">
        <v>11692</v>
      </c>
      <c r="C40" s="1062">
        <v>0</v>
      </c>
      <c r="D40" s="1043">
        <v>89</v>
      </c>
      <c r="E40" s="1043">
        <v>89</v>
      </c>
      <c r="F40" s="1112">
        <v>0</v>
      </c>
      <c r="G40" s="1113">
        <v>89</v>
      </c>
      <c r="H40" s="1058">
        <v>0</v>
      </c>
      <c r="I40" s="1065">
        <v>0</v>
      </c>
      <c r="J40" s="1054">
        <v>0</v>
      </c>
      <c r="K40" s="683">
        <v>0</v>
      </c>
      <c r="L40" s="1056">
        <v>1236</v>
      </c>
      <c r="M40" s="1056">
        <v>0</v>
      </c>
      <c r="N40" s="1056">
        <v>0</v>
      </c>
      <c r="O40" s="1062">
        <v>1236</v>
      </c>
      <c r="P40" s="1043" t="s">
        <v>258</v>
      </c>
      <c r="Q40" s="1063">
        <v>0</v>
      </c>
      <c r="R40" s="1064" t="s">
        <v>184</v>
      </c>
      <c r="S40" s="1065">
        <v>1236</v>
      </c>
      <c r="T40" s="1054">
        <v>1236</v>
      </c>
      <c r="U40" s="1088">
        <v>100</v>
      </c>
      <c r="V40" s="1062">
        <v>1325</v>
      </c>
      <c r="W40" s="1043">
        <v>1236</v>
      </c>
      <c r="X40" s="1067">
        <v>93.283018867924525</v>
      </c>
      <c r="Y40" s="1061">
        <v>11.332535066712282</v>
      </c>
    </row>
    <row r="41" spans="1:25" s="997" customFormat="1" ht="20.25" customHeight="1" x14ac:dyDescent="0.15">
      <c r="A41" s="1048" t="s">
        <v>5</v>
      </c>
      <c r="B41" s="1062">
        <v>11348</v>
      </c>
      <c r="C41" s="1062">
        <v>0</v>
      </c>
      <c r="D41" s="1043">
        <v>144</v>
      </c>
      <c r="E41" s="1043">
        <v>144</v>
      </c>
      <c r="F41" s="1112">
        <v>0</v>
      </c>
      <c r="G41" s="1113">
        <v>144</v>
      </c>
      <c r="H41" s="1058">
        <v>0</v>
      </c>
      <c r="I41" s="1065">
        <v>0</v>
      </c>
      <c r="J41" s="1054">
        <v>0</v>
      </c>
      <c r="K41" s="683">
        <v>0</v>
      </c>
      <c r="L41" s="1056">
        <v>868</v>
      </c>
      <c r="M41" s="1056">
        <v>0</v>
      </c>
      <c r="N41" s="1056">
        <v>0</v>
      </c>
      <c r="O41" s="1062">
        <v>868</v>
      </c>
      <c r="P41" s="1043" t="s">
        <v>258</v>
      </c>
      <c r="Q41" s="1063">
        <v>868</v>
      </c>
      <c r="R41" s="1064" t="s">
        <v>184</v>
      </c>
      <c r="S41" s="1065">
        <v>0</v>
      </c>
      <c r="T41" s="1054">
        <v>0</v>
      </c>
      <c r="U41" s="1088">
        <v>0</v>
      </c>
      <c r="V41" s="1062">
        <v>1012</v>
      </c>
      <c r="W41" s="1043">
        <v>0</v>
      </c>
      <c r="X41" s="1067">
        <v>0</v>
      </c>
      <c r="Y41" s="1061">
        <v>8.9178709904829034</v>
      </c>
    </row>
    <row r="42" spans="1:25" s="997" customFormat="1" ht="20.25" customHeight="1" thickBot="1" x14ac:dyDescent="0.2">
      <c r="A42" s="1068" t="s">
        <v>4</v>
      </c>
      <c r="B42" s="1069">
        <v>898</v>
      </c>
      <c r="C42" s="1069">
        <v>0</v>
      </c>
      <c r="D42" s="1070">
        <v>0</v>
      </c>
      <c r="E42" s="1070">
        <v>0</v>
      </c>
      <c r="F42" s="1116">
        <v>0</v>
      </c>
      <c r="G42" s="1117">
        <v>0</v>
      </c>
      <c r="H42" s="1126">
        <v>0</v>
      </c>
      <c r="I42" s="1073">
        <v>0</v>
      </c>
      <c r="J42" s="1074">
        <v>0</v>
      </c>
      <c r="K42" s="1075">
        <v>0</v>
      </c>
      <c r="L42" s="1077">
        <v>69</v>
      </c>
      <c r="M42" s="1077">
        <v>0</v>
      </c>
      <c r="N42" s="1077">
        <v>0</v>
      </c>
      <c r="O42" s="1069">
        <v>69</v>
      </c>
      <c r="P42" s="1070" t="s">
        <v>258</v>
      </c>
      <c r="Q42" s="1071">
        <v>69</v>
      </c>
      <c r="R42" s="1078" t="s">
        <v>184</v>
      </c>
      <c r="S42" s="1073">
        <v>0</v>
      </c>
      <c r="T42" s="1074">
        <v>0</v>
      </c>
      <c r="U42" s="1079">
        <v>0</v>
      </c>
      <c r="V42" s="1069">
        <v>69</v>
      </c>
      <c r="W42" s="1070">
        <v>0</v>
      </c>
      <c r="X42" s="1090">
        <v>0</v>
      </c>
      <c r="Y42" s="1081">
        <v>7.6837416481069036</v>
      </c>
    </row>
    <row r="43" spans="1:25" s="997" customFormat="1" ht="20.25" customHeight="1" thickBot="1" x14ac:dyDescent="0.2">
      <c r="A43" s="188" t="s">
        <v>65</v>
      </c>
      <c r="B43" s="343">
        <v>96326</v>
      </c>
      <c r="C43" s="343">
        <v>0</v>
      </c>
      <c r="D43" s="1102">
        <v>636</v>
      </c>
      <c r="E43" s="1102">
        <v>636</v>
      </c>
      <c r="F43" s="1128">
        <v>177</v>
      </c>
      <c r="G43" s="1129">
        <v>378</v>
      </c>
      <c r="H43" s="294">
        <v>0</v>
      </c>
      <c r="I43" s="1105">
        <v>81</v>
      </c>
      <c r="J43" s="1104">
        <v>81</v>
      </c>
      <c r="K43" s="1107">
        <v>12.735849056603774</v>
      </c>
      <c r="L43" s="1130">
        <v>8433</v>
      </c>
      <c r="M43" s="1130">
        <v>2903</v>
      </c>
      <c r="N43" s="294">
        <v>35</v>
      </c>
      <c r="O43" s="343">
        <v>5495</v>
      </c>
      <c r="P43" s="1102" t="s">
        <v>258</v>
      </c>
      <c r="Q43" s="1103">
        <v>2337</v>
      </c>
      <c r="R43" s="294" t="s">
        <v>184</v>
      </c>
      <c r="S43" s="1105">
        <v>3158</v>
      </c>
      <c r="T43" s="1104">
        <v>1850</v>
      </c>
      <c r="U43" s="1107">
        <v>57.470427661510456</v>
      </c>
      <c r="V43" s="343">
        <v>6131</v>
      </c>
      <c r="W43" s="1102">
        <v>3239</v>
      </c>
      <c r="X43" s="1108">
        <v>52.829880932963626</v>
      </c>
      <c r="Y43" s="1109">
        <v>6.3648443826173615</v>
      </c>
    </row>
    <row r="44" spans="1:25" s="997" customFormat="1" ht="20.25" customHeight="1" thickBot="1" x14ac:dyDescent="0.2">
      <c r="A44" s="1131" t="s">
        <v>148</v>
      </c>
      <c r="B44" s="1132">
        <v>2339066</v>
      </c>
      <c r="C44" s="1132">
        <v>2650</v>
      </c>
      <c r="D44" s="1133">
        <v>3297</v>
      </c>
      <c r="E44" s="1133">
        <v>5947</v>
      </c>
      <c r="F44" s="1128">
        <v>830</v>
      </c>
      <c r="G44" s="1104">
        <v>1629</v>
      </c>
      <c r="H44" s="1130">
        <v>832</v>
      </c>
      <c r="I44" s="1134">
        <v>4320</v>
      </c>
      <c r="J44" s="1129">
        <v>81</v>
      </c>
      <c r="K44" s="1135">
        <v>72.641668067933409</v>
      </c>
      <c r="L44" s="1130">
        <v>248146</v>
      </c>
      <c r="M44" s="1130">
        <v>46343</v>
      </c>
      <c r="N44" s="1130">
        <v>10675</v>
      </c>
      <c r="O44" s="1132">
        <v>191128</v>
      </c>
      <c r="P44" s="1133" t="s">
        <v>258</v>
      </c>
      <c r="Q44" s="1128">
        <v>13647</v>
      </c>
      <c r="R44" s="1130" t="s">
        <v>184</v>
      </c>
      <c r="S44" s="1134">
        <v>177481</v>
      </c>
      <c r="T44" s="1129">
        <v>1850</v>
      </c>
      <c r="U44" s="1135">
        <v>92.859758905027007</v>
      </c>
      <c r="V44" s="1132">
        <v>197075</v>
      </c>
      <c r="W44" s="1133">
        <v>181801</v>
      </c>
      <c r="X44" s="1136">
        <v>92.249651148040087</v>
      </c>
      <c r="Y44" s="1137">
        <v>8.4253714944341027</v>
      </c>
    </row>
  </sheetData>
  <mergeCells count="23">
    <mergeCell ref="C4:K4"/>
    <mergeCell ref="N4:U4"/>
    <mergeCell ref="B5:B7"/>
    <mergeCell ref="V5:V8"/>
    <mergeCell ref="W5:W8"/>
    <mergeCell ref="P6:Q6"/>
    <mergeCell ref="R6:R8"/>
    <mergeCell ref="S6:S8"/>
    <mergeCell ref="T6:T8"/>
    <mergeCell ref="U6:U8"/>
    <mergeCell ref="F7:G7"/>
    <mergeCell ref="P7:Q7"/>
    <mergeCell ref="Y5:Y8"/>
    <mergeCell ref="E6:E7"/>
    <mergeCell ref="F6:G6"/>
    <mergeCell ref="H6:H8"/>
    <mergeCell ref="I6:I8"/>
    <mergeCell ref="J6:J8"/>
    <mergeCell ref="K6:K8"/>
    <mergeCell ref="M6:M8"/>
    <mergeCell ref="N6:N8"/>
    <mergeCell ref="O6:O8"/>
    <mergeCell ref="X5:X8"/>
  </mergeCells>
  <phoneticPr fontId="3"/>
  <conditionalFormatting sqref="B9:Y44">
    <cfRule type="cellIs" dxfId="15" priority="1" operator="equal">
      <formula>0</formula>
    </cfRule>
  </conditionalFormatting>
  <conditionalFormatting sqref="C17:Y44">
    <cfRule type="cellIs" dxfId="14" priority="2" operator="equal">
      <formula>0</formula>
    </cfRule>
  </conditionalFormatting>
  <conditionalFormatting sqref="Q19">
    <cfRule type="cellIs" dxfId="13" priority="3" operator="equal">
      <formula>0</formula>
    </cfRule>
  </conditionalFormatting>
  <pageMargins left="0.59055118110236227" right="0.59055118110236227" top="0.78740157480314965" bottom="0.78740157480314965" header="0.51181102362204722" footer="0.39370078740157483"/>
  <pageSetup paperSize="9" scale="90" orientation="portrait"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C6757F2-FF83-49D1-BEEE-B5222468E029}">
  <dimension ref="A1:S50"/>
  <sheetViews>
    <sheetView zoomScaleNormal="100" zoomScaleSheetLayoutView="100" workbookViewId="0">
      <pane xSplit="1" ySplit="7" topLeftCell="B8" activePane="bottomRight" state="frozen"/>
      <selection activeCell="Y11" sqref="Y11"/>
      <selection pane="topRight" activeCell="Y11" sqref="Y11"/>
      <selection pane="bottomLeft" activeCell="Y11" sqref="Y11"/>
      <selection pane="bottomRight" activeCell="T5" sqref="T5"/>
    </sheetView>
  </sheetViews>
  <sheetFormatPr defaultColWidth="9" defaultRowHeight="16.5" customHeight="1" x14ac:dyDescent="0.15"/>
  <cols>
    <col min="1" max="1" width="14.5" style="81" customWidth="1"/>
    <col min="2" max="3" width="9.125" style="287" customWidth="1"/>
    <col min="4" max="5" width="9.625" style="287" customWidth="1"/>
    <col min="6" max="6" width="7.625" style="287" customWidth="1"/>
    <col min="7" max="7" width="9.125" style="287" customWidth="1"/>
    <col min="8" max="8" width="5.875" style="287" customWidth="1"/>
    <col min="9" max="13" width="7.625" style="287" customWidth="1"/>
    <col min="14" max="15" width="9.125" style="287" customWidth="1"/>
    <col min="16" max="16" width="7.5" style="1138" customWidth="1"/>
    <col min="17" max="18" width="3.625" style="287" customWidth="1"/>
    <col min="19" max="19" width="5.5" style="997" customWidth="1"/>
    <col min="20" max="20" width="13.875" style="287" customWidth="1"/>
    <col min="21" max="21" width="2" style="287" customWidth="1"/>
    <col min="22" max="16384" width="9" style="287"/>
  </cols>
  <sheetData>
    <row r="1" spans="1:19" ht="16.5" customHeight="1" x14ac:dyDescent="0.15">
      <c r="A1" s="429" t="s">
        <v>392</v>
      </c>
    </row>
    <row r="2" spans="1:19" ht="9" customHeight="1" x14ac:dyDescent="0.15">
      <c r="A2" s="425"/>
    </row>
    <row r="3" spans="1:19" s="142" customFormat="1" ht="16.5" customHeight="1" thickBot="1" x14ac:dyDescent="0.2">
      <c r="A3" s="1139" t="s">
        <v>393</v>
      </c>
      <c r="P3" s="1140"/>
      <c r="S3" s="1141"/>
    </row>
    <row r="4" spans="1:19" s="1006" customFormat="1" ht="16.5" customHeight="1" thickBot="1" x14ac:dyDescent="0.2">
      <c r="A4" s="1142"/>
      <c r="B4" s="1895" t="s">
        <v>394</v>
      </c>
      <c r="C4" s="1896"/>
      <c r="D4" s="1897"/>
      <c r="E4" s="1897"/>
      <c r="F4" s="1896"/>
      <c r="G4" s="1898"/>
      <c r="H4" s="1895" t="s">
        <v>395</v>
      </c>
      <c r="I4" s="1899"/>
      <c r="J4" s="1899"/>
      <c r="K4" s="1899"/>
      <c r="L4" s="1899"/>
      <c r="M4" s="1900"/>
      <c r="N4" s="1143" t="s">
        <v>75</v>
      </c>
      <c r="O4" s="1143" t="s">
        <v>74</v>
      </c>
      <c r="P4" s="1144" t="s">
        <v>59</v>
      </c>
      <c r="Q4" s="1901" t="s">
        <v>396</v>
      </c>
      <c r="R4" s="1902"/>
      <c r="S4" s="1903"/>
    </row>
    <row r="5" spans="1:19" s="1006" customFormat="1" ht="16.5" customHeight="1" x14ac:dyDescent="0.15">
      <c r="A5" s="1910" t="s">
        <v>337</v>
      </c>
      <c r="B5" s="1911" t="s">
        <v>397</v>
      </c>
      <c r="C5" s="1016" t="s">
        <v>398</v>
      </c>
      <c r="D5" s="1145" t="s">
        <v>399</v>
      </c>
      <c r="E5" s="1018"/>
      <c r="F5" s="1146"/>
      <c r="G5" s="1913" t="s">
        <v>400</v>
      </c>
      <c r="H5" s="1147"/>
      <c r="I5" s="1148" t="s">
        <v>76</v>
      </c>
      <c r="J5" s="1149"/>
      <c r="K5" s="1915" t="s">
        <v>401</v>
      </c>
      <c r="L5" s="1916"/>
      <c r="M5" s="1917"/>
      <c r="N5" s="1150" t="s">
        <v>170</v>
      </c>
      <c r="O5" s="1150" t="s">
        <v>402</v>
      </c>
      <c r="P5" s="1151" t="s">
        <v>403</v>
      </c>
      <c r="Q5" s="1904"/>
      <c r="R5" s="1905"/>
      <c r="S5" s="1906"/>
    </row>
    <row r="6" spans="1:19" s="1006" customFormat="1" ht="16.5" customHeight="1" x14ac:dyDescent="0.15">
      <c r="A6" s="1910"/>
      <c r="B6" s="1912"/>
      <c r="C6" s="1152" t="s">
        <v>404</v>
      </c>
      <c r="D6" s="1153" t="s">
        <v>405</v>
      </c>
      <c r="E6" s="1154" t="s">
        <v>406</v>
      </c>
      <c r="F6" s="1155" t="s">
        <v>189</v>
      </c>
      <c r="G6" s="1910"/>
      <c r="H6" s="1918" t="s">
        <v>407</v>
      </c>
      <c r="I6" s="1156" t="s">
        <v>408</v>
      </c>
      <c r="J6" s="1157" t="s">
        <v>409</v>
      </c>
      <c r="K6" s="1158"/>
      <c r="L6" s="1159" t="s">
        <v>410</v>
      </c>
      <c r="M6" s="1160" t="s">
        <v>411</v>
      </c>
      <c r="N6" s="1156" t="s">
        <v>412</v>
      </c>
      <c r="O6" s="1156" t="s">
        <v>412</v>
      </c>
      <c r="P6" s="1161" t="s">
        <v>1</v>
      </c>
      <c r="Q6" s="1907"/>
      <c r="R6" s="1908"/>
      <c r="S6" s="1909"/>
    </row>
    <row r="7" spans="1:19" s="1006" customFormat="1" ht="16.5" customHeight="1" thickBot="1" x14ac:dyDescent="0.2">
      <c r="A7" s="1030"/>
      <c r="B7" s="1162" t="s">
        <v>413</v>
      </c>
      <c r="C7" s="1163" t="s">
        <v>414</v>
      </c>
      <c r="D7" s="1164" t="s">
        <v>414</v>
      </c>
      <c r="E7" s="1165" t="s">
        <v>414</v>
      </c>
      <c r="F7" s="1166" t="s">
        <v>412</v>
      </c>
      <c r="G7" s="1914"/>
      <c r="H7" s="1919"/>
      <c r="I7" s="1167" t="s">
        <v>412</v>
      </c>
      <c r="J7" s="1168" t="s">
        <v>415</v>
      </c>
      <c r="K7" s="1169" t="s">
        <v>416</v>
      </c>
      <c r="L7" s="1170" t="s">
        <v>417</v>
      </c>
      <c r="M7" s="1171" t="s">
        <v>418</v>
      </c>
      <c r="N7" s="1172" t="s">
        <v>419</v>
      </c>
      <c r="O7" s="1172" t="s">
        <v>420</v>
      </c>
      <c r="P7" s="1173" t="s">
        <v>421</v>
      </c>
      <c r="Q7" s="1174" t="s">
        <v>422</v>
      </c>
      <c r="R7" s="1175" t="s">
        <v>423</v>
      </c>
      <c r="S7" s="1176" t="s">
        <v>424</v>
      </c>
    </row>
    <row r="8" spans="1:19" s="997" customFormat="1" ht="16.5" customHeight="1" x14ac:dyDescent="0.15">
      <c r="A8" s="1031" t="s">
        <v>37</v>
      </c>
      <c r="B8" s="1177">
        <v>912266</v>
      </c>
      <c r="C8" s="1178">
        <v>103334</v>
      </c>
      <c r="D8" s="1179">
        <v>565</v>
      </c>
      <c r="E8" s="1180">
        <v>0</v>
      </c>
      <c r="F8" s="1181">
        <v>565</v>
      </c>
      <c r="G8" s="1182">
        <v>2795575</v>
      </c>
      <c r="H8" s="1183">
        <v>4098</v>
      </c>
      <c r="I8" s="1180">
        <v>122490</v>
      </c>
      <c r="J8" s="1181">
        <v>0</v>
      </c>
      <c r="K8" s="1184">
        <v>930612</v>
      </c>
      <c r="L8" s="1185">
        <v>367474</v>
      </c>
      <c r="M8" s="1186">
        <v>563138</v>
      </c>
      <c r="N8" s="1187">
        <v>1034756</v>
      </c>
      <c r="O8" s="1180">
        <v>226389</v>
      </c>
      <c r="P8" s="1188">
        <v>21.878491161201289</v>
      </c>
      <c r="Q8" s="1189" t="s">
        <v>322</v>
      </c>
      <c r="R8" s="1190" t="s">
        <v>284</v>
      </c>
      <c r="S8" s="1191">
        <v>1402</v>
      </c>
    </row>
    <row r="9" spans="1:19" s="997" customFormat="1" ht="16.5" customHeight="1" x14ac:dyDescent="0.15">
      <c r="A9" s="1048" t="s">
        <v>36</v>
      </c>
      <c r="B9" s="1192">
        <v>364402</v>
      </c>
      <c r="C9" s="1193">
        <v>44194</v>
      </c>
      <c r="D9" s="1194">
        <v>285</v>
      </c>
      <c r="E9" s="1195">
        <v>0</v>
      </c>
      <c r="F9" s="1196">
        <v>285</v>
      </c>
      <c r="G9" s="1197">
        <v>1332407</v>
      </c>
      <c r="H9" s="1198">
        <v>1495</v>
      </c>
      <c r="I9" s="1195">
        <v>30781</v>
      </c>
      <c r="J9" s="1196">
        <v>0</v>
      </c>
      <c r="K9" s="1199">
        <v>187683</v>
      </c>
      <c r="L9" s="1195">
        <v>92343</v>
      </c>
      <c r="M9" s="1196">
        <v>95340</v>
      </c>
      <c r="N9" s="1198">
        <v>395183</v>
      </c>
      <c r="O9" s="1195">
        <v>75260</v>
      </c>
      <c r="P9" s="1200">
        <v>19.044341482300606</v>
      </c>
      <c r="Q9" s="1201" t="s">
        <v>284</v>
      </c>
      <c r="R9" s="1202" t="s">
        <v>322</v>
      </c>
      <c r="S9" s="1203">
        <v>0</v>
      </c>
    </row>
    <row r="10" spans="1:19" s="997" customFormat="1" ht="16.5" customHeight="1" x14ac:dyDescent="0.15">
      <c r="A10" s="1048" t="s">
        <v>35</v>
      </c>
      <c r="B10" s="1192">
        <v>198142</v>
      </c>
      <c r="C10" s="1193">
        <v>33632</v>
      </c>
      <c r="D10" s="1194">
        <v>4217</v>
      </c>
      <c r="E10" s="1195">
        <v>0</v>
      </c>
      <c r="F10" s="1196">
        <v>4217</v>
      </c>
      <c r="G10" s="1197">
        <v>983454</v>
      </c>
      <c r="H10" s="1198">
        <v>212</v>
      </c>
      <c r="I10" s="1195">
        <v>2645</v>
      </c>
      <c r="J10" s="1196">
        <v>0</v>
      </c>
      <c r="K10" s="1199">
        <v>18518</v>
      </c>
      <c r="L10" s="1195">
        <v>18518</v>
      </c>
      <c r="M10" s="1196">
        <v>0</v>
      </c>
      <c r="N10" s="1198">
        <v>200787</v>
      </c>
      <c r="O10" s="1195">
        <v>40494</v>
      </c>
      <c r="P10" s="1200">
        <v>20.167640335280669</v>
      </c>
      <c r="Q10" s="1204" t="s">
        <v>322</v>
      </c>
      <c r="R10" s="1202" t="s">
        <v>284</v>
      </c>
      <c r="S10" s="1203">
        <v>653</v>
      </c>
    </row>
    <row r="11" spans="1:19" s="997" customFormat="1" ht="16.5" customHeight="1" x14ac:dyDescent="0.15">
      <c r="A11" s="1048" t="s">
        <v>34</v>
      </c>
      <c r="B11" s="1192">
        <v>94726</v>
      </c>
      <c r="C11" s="1193">
        <v>15031</v>
      </c>
      <c r="D11" s="1194">
        <v>5870</v>
      </c>
      <c r="E11" s="1195">
        <v>0</v>
      </c>
      <c r="F11" s="1196">
        <v>5870</v>
      </c>
      <c r="G11" s="1197">
        <v>265243</v>
      </c>
      <c r="H11" s="1198">
        <v>506</v>
      </c>
      <c r="I11" s="1195">
        <v>14500</v>
      </c>
      <c r="J11" s="1196">
        <v>0</v>
      </c>
      <c r="K11" s="1199">
        <v>233808</v>
      </c>
      <c r="L11" s="1195">
        <v>57499</v>
      </c>
      <c r="M11" s="1196">
        <v>176309</v>
      </c>
      <c r="N11" s="1198">
        <v>109226</v>
      </c>
      <c r="O11" s="1195">
        <v>35401</v>
      </c>
      <c r="P11" s="1200">
        <v>32.410781315803931</v>
      </c>
      <c r="Q11" s="1204" t="s">
        <v>284</v>
      </c>
      <c r="R11" s="1202" t="s">
        <v>322</v>
      </c>
      <c r="S11" s="1203">
        <v>0</v>
      </c>
    </row>
    <row r="12" spans="1:19" s="997" customFormat="1" ht="16.5" customHeight="1" thickBot="1" x14ac:dyDescent="0.2">
      <c r="A12" s="1068" t="s">
        <v>33</v>
      </c>
      <c r="B12" s="1205">
        <v>72183</v>
      </c>
      <c r="C12" s="1206">
        <v>14679</v>
      </c>
      <c r="D12" s="1207">
        <v>3614</v>
      </c>
      <c r="E12" s="1208">
        <v>0</v>
      </c>
      <c r="F12" s="1209">
        <v>3614</v>
      </c>
      <c r="G12" s="1210">
        <v>254884</v>
      </c>
      <c r="H12" s="1211">
        <v>162</v>
      </c>
      <c r="I12" s="1208">
        <v>0</v>
      </c>
      <c r="J12" s="1209">
        <v>0</v>
      </c>
      <c r="K12" s="1211">
        <v>64607</v>
      </c>
      <c r="L12" s="1212">
        <v>64607</v>
      </c>
      <c r="M12" s="1213">
        <v>0</v>
      </c>
      <c r="N12" s="1214">
        <v>72183</v>
      </c>
      <c r="O12" s="1195">
        <v>18293</v>
      </c>
      <c r="P12" s="1215">
        <v>25.3425321751659</v>
      </c>
      <c r="Q12" s="1216" t="s">
        <v>284</v>
      </c>
      <c r="R12" s="1217" t="s">
        <v>322</v>
      </c>
      <c r="S12" s="1218">
        <v>0</v>
      </c>
    </row>
    <row r="13" spans="1:19" s="997" customFormat="1" ht="16.5" customHeight="1" x14ac:dyDescent="0.15">
      <c r="A13" s="1031" t="s">
        <v>32</v>
      </c>
      <c r="B13" s="1177">
        <v>53280</v>
      </c>
      <c r="C13" s="1178">
        <v>29738</v>
      </c>
      <c r="D13" s="1219">
        <v>2121</v>
      </c>
      <c r="E13" s="1220">
        <v>213</v>
      </c>
      <c r="F13" s="1181">
        <v>2334</v>
      </c>
      <c r="G13" s="1182">
        <v>136868</v>
      </c>
      <c r="H13" s="1221">
        <v>0</v>
      </c>
      <c r="I13" s="1180">
        <v>0</v>
      </c>
      <c r="J13" s="1222">
        <v>0</v>
      </c>
      <c r="K13" s="1223">
        <v>0</v>
      </c>
      <c r="L13" s="1180">
        <v>0</v>
      </c>
      <c r="M13" s="1181">
        <v>0</v>
      </c>
      <c r="N13" s="1187">
        <v>53280</v>
      </c>
      <c r="O13" s="1180">
        <v>32072</v>
      </c>
      <c r="P13" s="1188">
        <v>60.195195195195197</v>
      </c>
      <c r="Q13" s="1189" t="s">
        <v>322</v>
      </c>
      <c r="R13" s="1190" t="s">
        <v>284</v>
      </c>
      <c r="S13" s="1224">
        <v>1043</v>
      </c>
    </row>
    <row r="14" spans="1:19" s="997" customFormat="1" ht="16.5" customHeight="1" x14ac:dyDescent="0.15">
      <c r="A14" s="1048" t="s">
        <v>31</v>
      </c>
      <c r="B14" s="1192">
        <v>102542</v>
      </c>
      <c r="C14" s="1193">
        <v>10544</v>
      </c>
      <c r="D14" s="1194">
        <v>6945</v>
      </c>
      <c r="E14" s="1195">
        <v>26</v>
      </c>
      <c r="F14" s="1196">
        <v>6971</v>
      </c>
      <c r="G14" s="1197">
        <v>79421</v>
      </c>
      <c r="H14" s="1198">
        <v>870</v>
      </c>
      <c r="I14" s="1195">
        <v>18400</v>
      </c>
      <c r="J14" s="1225">
        <v>358481</v>
      </c>
      <c r="K14" s="1199">
        <v>397204</v>
      </c>
      <c r="L14" s="1195">
        <v>50772</v>
      </c>
      <c r="M14" s="1196">
        <v>346432</v>
      </c>
      <c r="N14" s="1198">
        <v>120942</v>
      </c>
      <c r="O14" s="1195">
        <v>35915</v>
      </c>
      <c r="P14" s="1200">
        <v>29.696052653337961</v>
      </c>
      <c r="Q14" s="1204" t="s">
        <v>322</v>
      </c>
      <c r="R14" s="1202" t="s">
        <v>284</v>
      </c>
      <c r="S14" s="1203">
        <v>23</v>
      </c>
    </row>
    <row r="15" spans="1:19" s="997" customFormat="1" ht="16.5" customHeight="1" x14ac:dyDescent="0.15">
      <c r="A15" s="1048" t="s">
        <v>30</v>
      </c>
      <c r="B15" s="1192">
        <v>60931</v>
      </c>
      <c r="C15" s="1193">
        <v>12062</v>
      </c>
      <c r="D15" s="1194">
        <v>750</v>
      </c>
      <c r="E15" s="1195">
        <v>613</v>
      </c>
      <c r="F15" s="1196">
        <v>1363</v>
      </c>
      <c r="G15" s="1197">
        <v>97391</v>
      </c>
      <c r="H15" s="1198">
        <v>0</v>
      </c>
      <c r="I15" s="1195">
        <v>0</v>
      </c>
      <c r="J15" s="1225">
        <v>0</v>
      </c>
      <c r="K15" s="1199">
        <v>0</v>
      </c>
      <c r="L15" s="1226">
        <v>0</v>
      </c>
      <c r="M15" s="1227">
        <v>0</v>
      </c>
      <c r="N15" s="1198">
        <v>60931</v>
      </c>
      <c r="O15" s="1195">
        <v>13425</v>
      </c>
      <c r="P15" s="1200">
        <v>22.033119430175116</v>
      </c>
      <c r="Q15" s="1204" t="s">
        <v>284</v>
      </c>
      <c r="R15" s="1202" t="s">
        <v>322</v>
      </c>
      <c r="S15" s="1203">
        <v>0</v>
      </c>
    </row>
    <row r="16" spans="1:19" s="997" customFormat="1" ht="16.5" customHeight="1" x14ac:dyDescent="0.15">
      <c r="A16" s="1048" t="s">
        <v>29</v>
      </c>
      <c r="B16" s="1192">
        <v>62781</v>
      </c>
      <c r="C16" s="1193">
        <v>15545</v>
      </c>
      <c r="D16" s="1194">
        <v>1817</v>
      </c>
      <c r="E16" s="1195">
        <v>0</v>
      </c>
      <c r="F16" s="1196">
        <v>1817</v>
      </c>
      <c r="G16" s="1197">
        <v>288255</v>
      </c>
      <c r="H16" s="1198">
        <v>0</v>
      </c>
      <c r="I16" s="1195">
        <v>0</v>
      </c>
      <c r="J16" s="1225">
        <v>0</v>
      </c>
      <c r="K16" s="1199">
        <v>0</v>
      </c>
      <c r="L16" s="1195">
        <v>0</v>
      </c>
      <c r="M16" s="1227">
        <v>0</v>
      </c>
      <c r="N16" s="1198">
        <v>62781</v>
      </c>
      <c r="O16" s="1195">
        <v>17362</v>
      </c>
      <c r="P16" s="1200">
        <v>27.654863732657969</v>
      </c>
      <c r="Q16" s="1204" t="s">
        <v>284</v>
      </c>
      <c r="R16" s="1202" t="s">
        <v>322</v>
      </c>
      <c r="S16" s="1203">
        <v>0</v>
      </c>
    </row>
    <row r="17" spans="1:19" s="997" customFormat="1" ht="16.5" customHeight="1" thickBot="1" x14ac:dyDescent="0.2">
      <c r="A17" s="1068" t="s">
        <v>28</v>
      </c>
      <c r="B17" s="1205">
        <v>13926</v>
      </c>
      <c r="C17" s="1228">
        <v>3903</v>
      </c>
      <c r="D17" s="1207">
        <v>1012</v>
      </c>
      <c r="E17" s="1208">
        <v>0</v>
      </c>
      <c r="F17" s="1209">
        <v>1012</v>
      </c>
      <c r="G17" s="1210">
        <v>12321</v>
      </c>
      <c r="H17" s="1229">
        <v>90</v>
      </c>
      <c r="I17" s="1208">
        <v>2626</v>
      </c>
      <c r="J17" s="1230">
        <v>0</v>
      </c>
      <c r="K17" s="1211">
        <v>25262</v>
      </c>
      <c r="L17" s="1208">
        <v>0</v>
      </c>
      <c r="M17" s="1209">
        <v>25262</v>
      </c>
      <c r="N17" s="1214">
        <v>16552</v>
      </c>
      <c r="O17" s="1195">
        <v>7541</v>
      </c>
      <c r="P17" s="1215">
        <v>45.559449009183176</v>
      </c>
      <c r="Q17" s="1216" t="s">
        <v>284</v>
      </c>
      <c r="R17" s="1217" t="s">
        <v>322</v>
      </c>
      <c r="S17" s="1218">
        <v>0</v>
      </c>
    </row>
    <row r="18" spans="1:19" s="997" customFormat="1" ht="16.5" customHeight="1" x14ac:dyDescent="0.15">
      <c r="A18" s="1031" t="s">
        <v>27</v>
      </c>
      <c r="B18" s="1177">
        <v>13818</v>
      </c>
      <c r="C18" s="1178">
        <v>4363</v>
      </c>
      <c r="D18" s="1219">
        <v>609</v>
      </c>
      <c r="E18" s="1220">
        <v>0</v>
      </c>
      <c r="F18" s="1231">
        <v>609</v>
      </c>
      <c r="G18" s="1182">
        <v>8413</v>
      </c>
      <c r="H18" s="1184">
        <v>35</v>
      </c>
      <c r="I18" s="1180">
        <v>179</v>
      </c>
      <c r="J18" s="1222">
        <v>774</v>
      </c>
      <c r="K18" s="1223">
        <v>2268</v>
      </c>
      <c r="L18" s="1180">
        <v>534</v>
      </c>
      <c r="M18" s="1181">
        <v>1734</v>
      </c>
      <c r="N18" s="1187">
        <v>13997</v>
      </c>
      <c r="O18" s="1180">
        <v>5151</v>
      </c>
      <c r="P18" s="1188">
        <v>36.800743016360649</v>
      </c>
      <c r="Q18" s="1189" t="s">
        <v>322</v>
      </c>
      <c r="R18" s="1190" t="s">
        <v>284</v>
      </c>
      <c r="S18" s="1224">
        <v>3</v>
      </c>
    </row>
    <row r="19" spans="1:19" s="997" customFormat="1" ht="16.5" customHeight="1" x14ac:dyDescent="0.15">
      <c r="A19" s="1048" t="s">
        <v>26</v>
      </c>
      <c r="B19" s="1192">
        <v>43639</v>
      </c>
      <c r="C19" s="1193">
        <v>10877</v>
      </c>
      <c r="D19" s="1194">
        <v>2691</v>
      </c>
      <c r="E19" s="1195">
        <v>190</v>
      </c>
      <c r="F19" s="1196">
        <v>2881</v>
      </c>
      <c r="G19" s="1197">
        <v>225649</v>
      </c>
      <c r="H19" s="1198">
        <v>52</v>
      </c>
      <c r="I19" s="1195">
        <v>160</v>
      </c>
      <c r="J19" s="1225">
        <v>0</v>
      </c>
      <c r="K19" s="1199">
        <v>1558</v>
      </c>
      <c r="L19" s="1195">
        <v>647</v>
      </c>
      <c r="M19" s="1196">
        <v>911</v>
      </c>
      <c r="N19" s="1198">
        <v>43799</v>
      </c>
      <c r="O19" s="1195">
        <v>13918</v>
      </c>
      <c r="P19" s="1200">
        <v>31.776981209616658</v>
      </c>
      <c r="Q19" s="1204" t="s">
        <v>284</v>
      </c>
      <c r="R19" s="1202" t="s">
        <v>322</v>
      </c>
      <c r="S19" s="1203">
        <v>0</v>
      </c>
    </row>
    <row r="20" spans="1:19" s="997" customFormat="1" ht="16.5" customHeight="1" x14ac:dyDescent="0.15">
      <c r="A20" s="1048" t="s">
        <v>25</v>
      </c>
      <c r="B20" s="1192">
        <v>63252</v>
      </c>
      <c r="C20" s="1193">
        <v>15855</v>
      </c>
      <c r="D20" s="1194">
        <v>0</v>
      </c>
      <c r="E20" s="1195">
        <v>0</v>
      </c>
      <c r="F20" s="1196">
        <v>0</v>
      </c>
      <c r="G20" s="1197">
        <v>209028</v>
      </c>
      <c r="H20" s="1198">
        <v>0</v>
      </c>
      <c r="I20" s="1195">
        <v>0</v>
      </c>
      <c r="J20" s="1225">
        <v>0</v>
      </c>
      <c r="K20" s="1199">
        <v>0</v>
      </c>
      <c r="L20" s="1195">
        <v>0</v>
      </c>
      <c r="M20" s="1196">
        <v>0</v>
      </c>
      <c r="N20" s="1198">
        <v>63252</v>
      </c>
      <c r="O20" s="1195">
        <v>15855</v>
      </c>
      <c r="P20" s="1200">
        <v>25.066401062417</v>
      </c>
      <c r="Q20" s="1204" t="s">
        <v>284</v>
      </c>
      <c r="R20" s="1202" t="s">
        <v>322</v>
      </c>
      <c r="S20" s="1203">
        <v>0</v>
      </c>
    </row>
    <row r="21" spans="1:19" s="997" customFormat="1" ht="16.5" customHeight="1" x14ac:dyDescent="0.15">
      <c r="A21" s="1048" t="s">
        <v>24</v>
      </c>
      <c r="B21" s="1192">
        <v>63056</v>
      </c>
      <c r="C21" s="1193">
        <v>11866</v>
      </c>
      <c r="D21" s="1194">
        <v>3719</v>
      </c>
      <c r="E21" s="1195">
        <v>0</v>
      </c>
      <c r="F21" s="1196">
        <v>3719</v>
      </c>
      <c r="G21" s="1197">
        <v>151038</v>
      </c>
      <c r="H21" s="1198">
        <v>0</v>
      </c>
      <c r="I21" s="1195">
        <v>0</v>
      </c>
      <c r="J21" s="1225">
        <v>0</v>
      </c>
      <c r="K21" s="1199">
        <v>0</v>
      </c>
      <c r="L21" s="1195">
        <v>0</v>
      </c>
      <c r="M21" s="1196">
        <v>0</v>
      </c>
      <c r="N21" s="1198">
        <v>63056</v>
      </c>
      <c r="O21" s="1195">
        <v>15585</v>
      </c>
      <c r="P21" s="1200">
        <v>24.71612534889622</v>
      </c>
      <c r="Q21" s="1204" t="s">
        <v>284</v>
      </c>
      <c r="R21" s="1202" t="s">
        <v>322</v>
      </c>
      <c r="S21" s="1203">
        <v>0</v>
      </c>
    </row>
    <row r="22" spans="1:19" s="997" customFormat="1" ht="16.5" customHeight="1" thickBot="1" x14ac:dyDescent="0.2">
      <c r="A22" s="1068" t="s">
        <v>23</v>
      </c>
      <c r="B22" s="1205">
        <v>25258</v>
      </c>
      <c r="C22" s="1228">
        <v>3716</v>
      </c>
      <c r="D22" s="1207">
        <v>1778</v>
      </c>
      <c r="E22" s="1208">
        <v>107</v>
      </c>
      <c r="F22" s="1227">
        <v>1885</v>
      </c>
      <c r="G22" s="1210">
        <v>23749</v>
      </c>
      <c r="H22" s="1229">
        <v>101</v>
      </c>
      <c r="I22" s="1208">
        <v>2282</v>
      </c>
      <c r="J22" s="1230">
        <v>0</v>
      </c>
      <c r="K22" s="1211">
        <v>81856</v>
      </c>
      <c r="L22" s="1208">
        <v>0</v>
      </c>
      <c r="M22" s="1209">
        <v>81856</v>
      </c>
      <c r="N22" s="1214">
        <v>27540</v>
      </c>
      <c r="O22" s="1208">
        <v>7883</v>
      </c>
      <c r="P22" s="1215">
        <v>28.6238198983297</v>
      </c>
      <c r="Q22" s="1216" t="s">
        <v>284</v>
      </c>
      <c r="R22" s="1217" t="s">
        <v>322</v>
      </c>
      <c r="S22" s="1218">
        <v>0</v>
      </c>
    </row>
    <row r="23" spans="1:19" s="997" customFormat="1" ht="16.5" customHeight="1" x14ac:dyDescent="0.15">
      <c r="A23" s="1031" t="s">
        <v>22</v>
      </c>
      <c r="B23" s="1177">
        <v>34241</v>
      </c>
      <c r="C23" s="1232">
        <v>9330</v>
      </c>
      <c r="D23" s="1219">
        <v>2220</v>
      </c>
      <c r="E23" s="1220">
        <v>0</v>
      </c>
      <c r="F23" s="1181">
        <v>2220</v>
      </c>
      <c r="G23" s="1182">
        <v>156985</v>
      </c>
      <c r="H23" s="1184">
        <v>0</v>
      </c>
      <c r="I23" s="1180">
        <v>0</v>
      </c>
      <c r="J23" s="1222">
        <v>0</v>
      </c>
      <c r="K23" s="1223">
        <v>0</v>
      </c>
      <c r="L23" s="1180">
        <v>0</v>
      </c>
      <c r="M23" s="1181">
        <v>0</v>
      </c>
      <c r="N23" s="1187">
        <v>34241</v>
      </c>
      <c r="O23" s="1180">
        <v>11550</v>
      </c>
      <c r="P23" s="1233">
        <v>33.731491486814051</v>
      </c>
      <c r="Q23" s="1234" t="s">
        <v>284</v>
      </c>
      <c r="R23" s="1235" t="s">
        <v>322</v>
      </c>
      <c r="S23" s="1191">
        <v>0</v>
      </c>
    </row>
    <row r="24" spans="1:19" s="997" customFormat="1" ht="16.5" customHeight="1" x14ac:dyDescent="0.15">
      <c r="A24" s="1048" t="s">
        <v>21</v>
      </c>
      <c r="B24" s="1192">
        <v>31143</v>
      </c>
      <c r="C24" s="1193">
        <v>7697</v>
      </c>
      <c r="D24" s="1194">
        <v>2088</v>
      </c>
      <c r="E24" s="1195">
        <v>0</v>
      </c>
      <c r="F24" s="1196">
        <v>2088</v>
      </c>
      <c r="G24" s="1197">
        <v>166428</v>
      </c>
      <c r="H24" s="1198">
        <v>31</v>
      </c>
      <c r="I24" s="1195">
        <v>204</v>
      </c>
      <c r="J24" s="1225">
        <v>1492</v>
      </c>
      <c r="K24" s="1199">
        <v>774</v>
      </c>
      <c r="L24" s="1195">
        <v>774</v>
      </c>
      <c r="M24" s="1196">
        <v>0</v>
      </c>
      <c r="N24" s="1198">
        <v>31347</v>
      </c>
      <c r="O24" s="1195">
        <v>9989</v>
      </c>
      <c r="P24" s="1236">
        <v>31.865888282770282</v>
      </c>
      <c r="Q24" s="1204" t="s">
        <v>284</v>
      </c>
      <c r="R24" s="1202" t="s">
        <v>322</v>
      </c>
      <c r="S24" s="1203">
        <v>0</v>
      </c>
    </row>
    <row r="25" spans="1:19" s="997" customFormat="1" ht="16.5" customHeight="1" x14ac:dyDescent="0.15">
      <c r="A25" s="1048" t="s">
        <v>20</v>
      </c>
      <c r="B25" s="1192">
        <v>11625</v>
      </c>
      <c r="C25" s="1193">
        <v>2747</v>
      </c>
      <c r="D25" s="1194">
        <v>568</v>
      </c>
      <c r="E25" s="1195">
        <v>0</v>
      </c>
      <c r="F25" s="1196">
        <v>568</v>
      </c>
      <c r="G25" s="1197">
        <v>23893</v>
      </c>
      <c r="H25" s="1198">
        <v>0</v>
      </c>
      <c r="I25" s="1195">
        <v>0</v>
      </c>
      <c r="J25" s="1225">
        <v>0</v>
      </c>
      <c r="K25" s="1199">
        <v>0</v>
      </c>
      <c r="L25" s="1195">
        <v>0</v>
      </c>
      <c r="M25" s="1196">
        <v>0</v>
      </c>
      <c r="N25" s="1198">
        <v>11625</v>
      </c>
      <c r="O25" s="1195">
        <v>3315</v>
      </c>
      <c r="P25" s="1236">
        <v>28.516129032258064</v>
      </c>
      <c r="Q25" s="1204" t="s">
        <v>322</v>
      </c>
      <c r="R25" s="1202" t="s">
        <v>284</v>
      </c>
      <c r="S25" s="1203">
        <v>0</v>
      </c>
    </row>
    <row r="26" spans="1:19" s="997" customFormat="1" ht="16.5" customHeight="1" thickBot="1" x14ac:dyDescent="0.2">
      <c r="A26" s="1098" t="s">
        <v>19</v>
      </c>
      <c r="B26" s="1205">
        <v>21529</v>
      </c>
      <c r="C26" s="1193">
        <v>5535</v>
      </c>
      <c r="D26" s="1194">
        <v>1422</v>
      </c>
      <c r="E26" s="1208">
        <v>0</v>
      </c>
      <c r="F26" s="1227">
        <v>1422</v>
      </c>
      <c r="G26" s="1210">
        <v>24545</v>
      </c>
      <c r="H26" s="1221">
        <v>0</v>
      </c>
      <c r="I26" s="1208">
        <v>0</v>
      </c>
      <c r="J26" s="1230">
        <v>0</v>
      </c>
      <c r="K26" s="1211">
        <v>0</v>
      </c>
      <c r="L26" s="1208">
        <v>0</v>
      </c>
      <c r="M26" s="1209">
        <v>0</v>
      </c>
      <c r="N26" s="1214">
        <v>21529</v>
      </c>
      <c r="O26" s="1208">
        <v>6957</v>
      </c>
      <c r="P26" s="1237">
        <v>32.314552464118165</v>
      </c>
      <c r="Q26" s="1238" t="s">
        <v>322</v>
      </c>
      <c r="R26" s="1217" t="s">
        <v>284</v>
      </c>
      <c r="S26" s="1218">
        <v>1</v>
      </c>
    </row>
    <row r="27" spans="1:19" s="997" customFormat="1" ht="16.5" customHeight="1" thickBot="1" x14ac:dyDescent="0.2">
      <c r="A27" s="188" t="s">
        <v>18</v>
      </c>
      <c r="B27" s="1239">
        <v>2242740</v>
      </c>
      <c r="C27" s="1240">
        <v>354648</v>
      </c>
      <c r="D27" s="1241">
        <v>42291</v>
      </c>
      <c r="E27" s="1242">
        <v>1149</v>
      </c>
      <c r="F27" s="1186">
        <v>43440</v>
      </c>
      <c r="G27" s="1243">
        <v>7235547</v>
      </c>
      <c r="H27" s="1244">
        <v>7652</v>
      </c>
      <c r="I27" s="1245">
        <v>194267</v>
      </c>
      <c r="J27" s="1246">
        <v>360747</v>
      </c>
      <c r="K27" s="1247">
        <v>1944150</v>
      </c>
      <c r="L27" s="1245">
        <v>653168</v>
      </c>
      <c r="M27" s="1248">
        <v>1290982</v>
      </c>
      <c r="N27" s="1244">
        <v>2437007</v>
      </c>
      <c r="O27" s="1244">
        <v>592355</v>
      </c>
      <c r="P27" s="1188">
        <v>24.306659767493489</v>
      </c>
      <c r="Q27" s="1249">
        <v>7</v>
      </c>
      <c r="R27" s="1250">
        <v>12</v>
      </c>
      <c r="S27" s="177">
        <v>3125</v>
      </c>
    </row>
    <row r="28" spans="1:19" s="997" customFormat="1" ht="16.5" customHeight="1" x14ac:dyDescent="0.15">
      <c r="A28" s="1031" t="s">
        <v>17</v>
      </c>
      <c r="B28" s="1251">
        <v>7854</v>
      </c>
      <c r="C28" s="1193">
        <v>2679</v>
      </c>
      <c r="D28" s="1252">
        <v>564</v>
      </c>
      <c r="E28" s="1180">
        <v>0</v>
      </c>
      <c r="F28" s="1181">
        <v>564</v>
      </c>
      <c r="G28" s="1253">
        <v>7984</v>
      </c>
      <c r="H28" s="1184">
        <v>28</v>
      </c>
      <c r="I28" s="1180">
        <v>1561</v>
      </c>
      <c r="J28" s="1254">
        <v>0</v>
      </c>
      <c r="K28" s="1184">
        <v>0</v>
      </c>
      <c r="L28" s="1180">
        <v>0</v>
      </c>
      <c r="M28" s="1181">
        <v>0</v>
      </c>
      <c r="N28" s="1187">
        <v>9415</v>
      </c>
      <c r="O28" s="1180">
        <v>4804</v>
      </c>
      <c r="P28" s="1188">
        <v>51.024960169941579</v>
      </c>
      <c r="Q28" s="1189" t="s">
        <v>322</v>
      </c>
      <c r="R28" s="1190" t="s">
        <v>284</v>
      </c>
      <c r="S28" s="1191">
        <v>101</v>
      </c>
    </row>
    <row r="29" spans="1:19" s="997" customFormat="1" ht="16.5" customHeight="1" x14ac:dyDescent="0.15">
      <c r="A29" s="1048" t="s">
        <v>16</v>
      </c>
      <c r="B29" s="1251">
        <v>12744</v>
      </c>
      <c r="C29" s="1193">
        <v>2329</v>
      </c>
      <c r="D29" s="1194">
        <v>1046</v>
      </c>
      <c r="E29" s="1195">
        <v>0</v>
      </c>
      <c r="F29" s="1196">
        <v>1046</v>
      </c>
      <c r="G29" s="1253">
        <v>49008</v>
      </c>
      <c r="H29" s="1223">
        <v>0</v>
      </c>
      <c r="I29" s="1220">
        <v>0</v>
      </c>
      <c r="J29" s="1254">
        <v>0</v>
      </c>
      <c r="K29" s="1199">
        <v>0</v>
      </c>
      <c r="L29" s="1220">
        <v>0</v>
      </c>
      <c r="M29" s="1231">
        <v>0</v>
      </c>
      <c r="N29" s="1198">
        <v>12744</v>
      </c>
      <c r="O29" s="1195">
        <v>3375</v>
      </c>
      <c r="P29" s="1200">
        <v>26.48305084745763</v>
      </c>
      <c r="Q29" s="1204" t="s">
        <v>284</v>
      </c>
      <c r="R29" s="1202" t="s">
        <v>322</v>
      </c>
      <c r="S29" s="1224">
        <v>0</v>
      </c>
    </row>
    <row r="30" spans="1:19" s="997" customFormat="1" ht="16.5" customHeight="1" x14ac:dyDescent="0.15">
      <c r="A30" s="1048" t="s">
        <v>15</v>
      </c>
      <c r="B30" s="1251">
        <v>9432</v>
      </c>
      <c r="C30" s="1193">
        <v>2023</v>
      </c>
      <c r="D30" s="1194">
        <v>472</v>
      </c>
      <c r="E30" s="1195">
        <v>0</v>
      </c>
      <c r="F30" s="1196">
        <v>472</v>
      </c>
      <c r="G30" s="1253">
        <v>12163</v>
      </c>
      <c r="H30" s="1223">
        <v>10</v>
      </c>
      <c r="I30" s="1220">
        <v>157</v>
      </c>
      <c r="J30" s="1254">
        <v>63</v>
      </c>
      <c r="K30" s="1199">
        <v>550</v>
      </c>
      <c r="L30" s="1195">
        <v>550</v>
      </c>
      <c r="M30" s="1196">
        <v>0</v>
      </c>
      <c r="N30" s="1198">
        <v>9589</v>
      </c>
      <c r="O30" s="1195">
        <v>2652</v>
      </c>
      <c r="P30" s="1200">
        <v>27.656689957242676</v>
      </c>
      <c r="Q30" s="1204" t="s">
        <v>322</v>
      </c>
      <c r="R30" s="1202" t="s">
        <v>284</v>
      </c>
      <c r="S30" s="1203">
        <v>9</v>
      </c>
    </row>
    <row r="31" spans="1:19" s="997" customFormat="1" ht="16.5" customHeight="1" thickBot="1" x14ac:dyDescent="0.2">
      <c r="A31" s="1068" t="s">
        <v>14</v>
      </c>
      <c r="B31" s="1255">
        <v>7368</v>
      </c>
      <c r="C31" s="1206">
        <v>2033</v>
      </c>
      <c r="D31" s="1207">
        <v>332</v>
      </c>
      <c r="E31" s="1208">
        <v>0</v>
      </c>
      <c r="F31" s="1209">
        <v>332</v>
      </c>
      <c r="G31" s="1256">
        <v>11441</v>
      </c>
      <c r="H31" s="1257">
        <v>0</v>
      </c>
      <c r="I31" s="1258">
        <v>0</v>
      </c>
      <c r="J31" s="1259">
        <v>0</v>
      </c>
      <c r="K31" s="1211">
        <v>0</v>
      </c>
      <c r="L31" s="1208">
        <v>0</v>
      </c>
      <c r="M31" s="1209">
        <v>0</v>
      </c>
      <c r="N31" s="1214">
        <v>7368</v>
      </c>
      <c r="O31" s="1208">
        <v>2365</v>
      </c>
      <c r="P31" s="1215">
        <v>32.098262757871879</v>
      </c>
      <c r="Q31" s="1216" t="s">
        <v>284</v>
      </c>
      <c r="R31" s="1260" t="s">
        <v>322</v>
      </c>
      <c r="S31" s="1218">
        <v>0</v>
      </c>
    </row>
    <row r="32" spans="1:19" s="997" customFormat="1" ht="16.5" customHeight="1" x14ac:dyDescent="0.15">
      <c r="A32" s="1031" t="s">
        <v>13</v>
      </c>
      <c r="B32" s="1177">
        <v>2782</v>
      </c>
      <c r="C32" s="1178">
        <v>422</v>
      </c>
      <c r="D32" s="1219">
        <v>32</v>
      </c>
      <c r="E32" s="1195">
        <v>0</v>
      </c>
      <c r="F32" s="1231">
        <v>32</v>
      </c>
      <c r="G32" s="1182">
        <v>6986</v>
      </c>
      <c r="H32" s="1184">
        <v>0</v>
      </c>
      <c r="I32" s="1180">
        <v>0</v>
      </c>
      <c r="J32" s="1222">
        <v>0</v>
      </c>
      <c r="K32" s="1223">
        <v>0</v>
      </c>
      <c r="L32" s="1180">
        <v>0</v>
      </c>
      <c r="M32" s="1181">
        <v>0</v>
      </c>
      <c r="N32" s="1187">
        <v>2782</v>
      </c>
      <c r="O32" s="1180">
        <v>454</v>
      </c>
      <c r="P32" s="1188">
        <v>16.319194823867722</v>
      </c>
      <c r="Q32" s="1234" t="s">
        <v>284</v>
      </c>
      <c r="R32" s="1235" t="s">
        <v>322</v>
      </c>
      <c r="S32" s="1224">
        <v>0</v>
      </c>
    </row>
    <row r="33" spans="1:19" s="997" customFormat="1" ht="16.5" customHeight="1" x14ac:dyDescent="0.15">
      <c r="A33" s="1048" t="s">
        <v>12</v>
      </c>
      <c r="B33" s="1251">
        <v>4841</v>
      </c>
      <c r="C33" s="1193">
        <v>968</v>
      </c>
      <c r="D33" s="1194">
        <v>52</v>
      </c>
      <c r="E33" s="1195">
        <v>0</v>
      </c>
      <c r="F33" s="1196">
        <v>52</v>
      </c>
      <c r="G33" s="1253">
        <v>13656</v>
      </c>
      <c r="H33" s="1223">
        <v>8</v>
      </c>
      <c r="I33" s="1220">
        <v>14</v>
      </c>
      <c r="J33" s="1254">
        <v>0</v>
      </c>
      <c r="K33" s="1199">
        <v>50</v>
      </c>
      <c r="L33" s="1195">
        <v>50</v>
      </c>
      <c r="M33" s="1196">
        <v>0</v>
      </c>
      <c r="N33" s="1198">
        <v>4855</v>
      </c>
      <c r="O33" s="1195">
        <v>1034</v>
      </c>
      <c r="P33" s="1200">
        <v>21.297631307929969</v>
      </c>
      <c r="Q33" s="1204" t="s">
        <v>322</v>
      </c>
      <c r="R33" s="1202" t="s">
        <v>284</v>
      </c>
      <c r="S33" s="1203">
        <v>1</v>
      </c>
    </row>
    <row r="34" spans="1:19" s="997" customFormat="1" ht="16.5" customHeight="1" x14ac:dyDescent="0.15">
      <c r="A34" s="1048" t="s">
        <v>11</v>
      </c>
      <c r="B34" s="1251">
        <v>2954</v>
      </c>
      <c r="C34" s="1193">
        <v>654</v>
      </c>
      <c r="D34" s="1194">
        <v>31</v>
      </c>
      <c r="E34" s="1195">
        <v>0</v>
      </c>
      <c r="F34" s="1196">
        <v>31</v>
      </c>
      <c r="G34" s="1253">
        <v>8505</v>
      </c>
      <c r="H34" s="1223">
        <v>8</v>
      </c>
      <c r="I34" s="1220">
        <v>19</v>
      </c>
      <c r="J34" s="1254">
        <v>114</v>
      </c>
      <c r="K34" s="1199">
        <v>153</v>
      </c>
      <c r="L34" s="1195">
        <v>114</v>
      </c>
      <c r="M34" s="1196">
        <v>39</v>
      </c>
      <c r="N34" s="1198">
        <v>2973</v>
      </c>
      <c r="O34" s="1195">
        <v>704</v>
      </c>
      <c r="P34" s="1200">
        <v>23.679784729229734</v>
      </c>
      <c r="Q34" s="1204" t="s">
        <v>284</v>
      </c>
      <c r="R34" s="1202" t="s">
        <v>322</v>
      </c>
      <c r="S34" s="1203">
        <v>0</v>
      </c>
    </row>
    <row r="35" spans="1:19" s="997" customFormat="1" ht="16.5" customHeight="1" x14ac:dyDescent="0.15">
      <c r="A35" s="1048" t="s">
        <v>10</v>
      </c>
      <c r="B35" s="1251">
        <v>3058</v>
      </c>
      <c r="C35" s="1193">
        <v>515</v>
      </c>
      <c r="D35" s="1194">
        <v>5</v>
      </c>
      <c r="E35" s="1195">
        <v>0</v>
      </c>
      <c r="F35" s="1196">
        <v>5</v>
      </c>
      <c r="G35" s="1253">
        <v>3789</v>
      </c>
      <c r="H35" s="1223">
        <v>6</v>
      </c>
      <c r="I35" s="1220">
        <v>14</v>
      </c>
      <c r="J35" s="1254">
        <v>0</v>
      </c>
      <c r="K35" s="1199">
        <v>104</v>
      </c>
      <c r="L35" s="1195">
        <v>71</v>
      </c>
      <c r="M35" s="1196">
        <v>33</v>
      </c>
      <c r="N35" s="1198">
        <v>3072</v>
      </c>
      <c r="O35" s="1195">
        <v>534</v>
      </c>
      <c r="P35" s="1200">
        <v>17.3828125</v>
      </c>
      <c r="Q35" s="1204" t="s">
        <v>284</v>
      </c>
      <c r="R35" s="1202" t="s">
        <v>322</v>
      </c>
      <c r="S35" s="1203">
        <v>0</v>
      </c>
    </row>
    <row r="36" spans="1:19" s="997" customFormat="1" ht="16.5" customHeight="1" thickBot="1" x14ac:dyDescent="0.2">
      <c r="A36" s="1068" t="s">
        <v>9</v>
      </c>
      <c r="B36" s="1255">
        <v>5141</v>
      </c>
      <c r="C36" s="1228">
        <v>1465</v>
      </c>
      <c r="D36" s="1207">
        <v>7</v>
      </c>
      <c r="E36" s="1208">
        <v>0</v>
      </c>
      <c r="F36" s="1209">
        <v>7</v>
      </c>
      <c r="G36" s="1256">
        <v>7054</v>
      </c>
      <c r="H36" s="1257">
        <v>1</v>
      </c>
      <c r="I36" s="1258">
        <v>3</v>
      </c>
      <c r="J36" s="1259">
        <v>25</v>
      </c>
      <c r="K36" s="1211">
        <v>21</v>
      </c>
      <c r="L36" s="1208">
        <v>21</v>
      </c>
      <c r="M36" s="1209">
        <v>0</v>
      </c>
      <c r="N36" s="1214">
        <v>5144</v>
      </c>
      <c r="O36" s="1208">
        <v>1475</v>
      </c>
      <c r="P36" s="1215">
        <v>28.674183514774494</v>
      </c>
      <c r="Q36" s="1216" t="s">
        <v>322</v>
      </c>
      <c r="R36" s="1217" t="s">
        <v>284</v>
      </c>
      <c r="S36" s="1218">
        <v>0</v>
      </c>
    </row>
    <row r="37" spans="1:19" s="997" customFormat="1" ht="16.5" customHeight="1" x14ac:dyDescent="0.15">
      <c r="A37" s="1031" t="s">
        <v>8</v>
      </c>
      <c r="B37" s="1177">
        <v>13547</v>
      </c>
      <c r="C37" s="1232">
        <v>698</v>
      </c>
      <c r="D37" s="1219">
        <v>362</v>
      </c>
      <c r="E37" s="1220">
        <v>0</v>
      </c>
      <c r="F37" s="1181">
        <v>362</v>
      </c>
      <c r="G37" s="1182">
        <v>11560</v>
      </c>
      <c r="H37" s="1221">
        <v>0</v>
      </c>
      <c r="I37" s="1180">
        <v>0</v>
      </c>
      <c r="J37" s="1222">
        <v>0</v>
      </c>
      <c r="K37" s="1223">
        <v>0</v>
      </c>
      <c r="L37" s="1180">
        <v>0</v>
      </c>
      <c r="M37" s="1181">
        <v>0</v>
      </c>
      <c r="N37" s="1187">
        <v>13547</v>
      </c>
      <c r="O37" s="1180">
        <v>1060</v>
      </c>
      <c r="P37" s="1188">
        <v>7.8246106148962866</v>
      </c>
      <c r="Q37" s="1189" t="s">
        <v>322</v>
      </c>
      <c r="R37" s="1190" t="s">
        <v>284</v>
      </c>
      <c r="S37" s="1224">
        <v>8</v>
      </c>
    </row>
    <row r="38" spans="1:19" s="997" customFormat="1" ht="16.5" customHeight="1" x14ac:dyDescent="0.15">
      <c r="A38" s="1048" t="s">
        <v>7</v>
      </c>
      <c r="B38" s="1251">
        <v>2667</v>
      </c>
      <c r="C38" s="1193">
        <v>535</v>
      </c>
      <c r="D38" s="1194">
        <v>0</v>
      </c>
      <c r="E38" s="1195">
        <v>0</v>
      </c>
      <c r="F38" s="1196">
        <v>0</v>
      </c>
      <c r="G38" s="1253">
        <v>3891</v>
      </c>
      <c r="H38" s="1221">
        <v>2</v>
      </c>
      <c r="I38" s="1220">
        <v>17</v>
      </c>
      <c r="J38" s="1254">
        <v>0</v>
      </c>
      <c r="K38" s="1199">
        <v>0</v>
      </c>
      <c r="L38" s="1195">
        <v>0</v>
      </c>
      <c r="M38" s="1196">
        <v>0</v>
      </c>
      <c r="N38" s="1198">
        <v>2684</v>
      </c>
      <c r="O38" s="1195">
        <v>552</v>
      </c>
      <c r="P38" s="1200">
        <v>20.566318926974663</v>
      </c>
      <c r="Q38" s="1204" t="s">
        <v>284</v>
      </c>
      <c r="R38" s="1202" t="s">
        <v>322</v>
      </c>
      <c r="S38" s="1203">
        <v>0</v>
      </c>
    </row>
    <row r="39" spans="1:19" s="997" customFormat="1" ht="16.5" customHeight="1" x14ac:dyDescent="0.15">
      <c r="A39" s="1048" t="s">
        <v>6</v>
      </c>
      <c r="B39" s="1251">
        <v>11692</v>
      </c>
      <c r="C39" s="1193">
        <v>2075</v>
      </c>
      <c r="D39" s="1194">
        <v>0</v>
      </c>
      <c r="E39" s="1195">
        <v>0</v>
      </c>
      <c r="F39" s="1196">
        <v>0</v>
      </c>
      <c r="G39" s="1253">
        <v>12629</v>
      </c>
      <c r="H39" s="1221">
        <v>10</v>
      </c>
      <c r="I39" s="1220">
        <v>19</v>
      </c>
      <c r="J39" s="1254">
        <v>0</v>
      </c>
      <c r="K39" s="1199">
        <v>145</v>
      </c>
      <c r="L39" s="1195">
        <v>145</v>
      </c>
      <c r="M39" s="1196">
        <v>0</v>
      </c>
      <c r="N39" s="1198">
        <v>11711</v>
      </c>
      <c r="O39" s="1195">
        <v>2094</v>
      </c>
      <c r="P39" s="1200">
        <v>17.880625053368629</v>
      </c>
      <c r="Q39" s="1204" t="s">
        <v>284</v>
      </c>
      <c r="R39" s="1202" t="s">
        <v>322</v>
      </c>
      <c r="S39" s="1203">
        <v>0</v>
      </c>
    </row>
    <row r="40" spans="1:19" s="997" customFormat="1" ht="16.5" customHeight="1" x14ac:dyDescent="0.15">
      <c r="A40" s="1048" t="s">
        <v>5</v>
      </c>
      <c r="B40" s="1251">
        <v>11348</v>
      </c>
      <c r="C40" s="1193">
        <v>2858</v>
      </c>
      <c r="D40" s="1194">
        <v>0</v>
      </c>
      <c r="E40" s="1195">
        <v>0</v>
      </c>
      <c r="F40" s="1196">
        <v>0</v>
      </c>
      <c r="G40" s="1197">
        <v>36042</v>
      </c>
      <c r="H40" s="1221">
        <v>33</v>
      </c>
      <c r="I40" s="1220">
        <v>329</v>
      </c>
      <c r="J40" s="1254">
        <v>0</v>
      </c>
      <c r="K40" s="1199">
        <v>2099</v>
      </c>
      <c r="L40" s="1195">
        <v>695</v>
      </c>
      <c r="M40" s="1196">
        <v>1404</v>
      </c>
      <c r="N40" s="1198">
        <v>11677</v>
      </c>
      <c r="O40" s="1195">
        <v>3187</v>
      </c>
      <c r="P40" s="1200">
        <v>27.292969084525136</v>
      </c>
      <c r="Q40" s="1204" t="s">
        <v>284</v>
      </c>
      <c r="R40" s="1202" t="s">
        <v>322</v>
      </c>
      <c r="S40" s="1203">
        <v>0</v>
      </c>
    </row>
    <row r="41" spans="1:19" s="997" customFormat="1" ht="16.5" customHeight="1" thickBot="1" x14ac:dyDescent="0.2">
      <c r="A41" s="1068" t="s">
        <v>4</v>
      </c>
      <c r="B41" s="1261">
        <v>898</v>
      </c>
      <c r="C41" s="1193">
        <v>251</v>
      </c>
      <c r="D41" s="1207">
        <v>0</v>
      </c>
      <c r="E41" s="1208">
        <v>0</v>
      </c>
      <c r="F41" s="1213">
        <v>0</v>
      </c>
      <c r="G41" s="1262">
        <v>1393</v>
      </c>
      <c r="H41" s="1221">
        <v>0</v>
      </c>
      <c r="I41" s="1263">
        <v>0</v>
      </c>
      <c r="J41" s="1212">
        <v>0</v>
      </c>
      <c r="K41" s="1211">
        <v>0</v>
      </c>
      <c r="L41" s="1212">
        <v>0</v>
      </c>
      <c r="M41" s="1213">
        <v>0</v>
      </c>
      <c r="N41" s="1214">
        <v>898</v>
      </c>
      <c r="O41" s="1208">
        <v>251</v>
      </c>
      <c r="P41" s="1215">
        <v>27.95100222717149</v>
      </c>
      <c r="Q41" s="1216" t="s">
        <v>284</v>
      </c>
      <c r="R41" s="1217" t="s">
        <v>322</v>
      </c>
      <c r="S41" s="1218">
        <v>0</v>
      </c>
    </row>
    <row r="42" spans="1:19" s="997" customFormat="1" ht="16.5" customHeight="1" thickBot="1" x14ac:dyDescent="0.2">
      <c r="A42" s="188" t="s">
        <v>65</v>
      </c>
      <c r="B42" s="1264">
        <v>96326</v>
      </c>
      <c r="C42" s="1240">
        <v>19505</v>
      </c>
      <c r="D42" s="1247">
        <v>2903</v>
      </c>
      <c r="E42" s="1244" t="s">
        <v>184</v>
      </c>
      <c r="F42" s="1248">
        <v>2903</v>
      </c>
      <c r="G42" s="1240">
        <v>186101</v>
      </c>
      <c r="H42" s="1247">
        <v>106</v>
      </c>
      <c r="I42" s="1245">
        <v>2133</v>
      </c>
      <c r="J42" s="1248">
        <v>202</v>
      </c>
      <c r="K42" s="1247">
        <v>3122</v>
      </c>
      <c r="L42" s="1246">
        <v>1646</v>
      </c>
      <c r="M42" s="1248">
        <v>1476</v>
      </c>
      <c r="N42" s="1245">
        <v>98459</v>
      </c>
      <c r="O42" s="1265">
        <v>24541</v>
      </c>
      <c r="P42" s="1188">
        <v>24.925095725124162</v>
      </c>
      <c r="Q42" s="1249">
        <v>5</v>
      </c>
      <c r="R42" s="1250">
        <v>9</v>
      </c>
      <c r="S42" s="1266">
        <v>119</v>
      </c>
    </row>
    <row r="43" spans="1:19" s="997" customFormat="1" ht="16.5" customHeight="1" thickBot="1" x14ac:dyDescent="0.2">
      <c r="A43" s="1131" t="s">
        <v>148</v>
      </c>
      <c r="B43" s="1264">
        <v>2339066</v>
      </c>
      <c r="C43" s="1267">
        <v>374153</v>
      </c>
      <c r="D43" s="1257">
        <v>45194</v>
      </c>
      <c r="E43" s="1268">
        <v>1149</v>
      </c>
      <c r="F43" s="1213">
        <v>46343</v>
      </c>
      <c r="G43" s="1267">
        <v>7421648</v>
      </c>
      <c r="H43" s="1257">
        <v>7758</v>
      </c>
      <c r="I43" s="1263">
        <v>196400</v>
      </c>
      <c r="J43" s="1213">
        <v>360949</v>
      </c>
      <c r="K43" s="1269">
        <v>1947272</v>
      </c>
      <c r="L43" s="1212">
        <v>654814</v>
      </c>
      <c r="M43" s="1213">
        <v>1292458</v>
      </c>
      <c r="N43" s="1263">
        <v>2535466</v>
      </c>
      <c r="O43" s="1269">
        <v>616896</v>
      </c>
      <c r="P43" s="1270">
        <v>24.330675307813237</v>
      </c>
      <c r="Q43" s="1271">
        <v>12</v>
      </c>
      <c r="R43" s="1272">
        <v>21</v>
      </c>
      <c r="S43" s="1273">
        <v>3244</v>
      </c>
    </row>
    <row r="44" spans="1:19" s="997" customFormat="1" ht="15" customHeight="1" x14ac:dyDescent="0.15">
      <c r="A44" s="168" t="s">
        <v>425</v>
      </c>
      <c r="P44" s="1274"/>
    </row>
    <row r="45" spans="1:19" ht="15" customHeight="1" x14ac:dyDescent="0.15">
      <c r="A45" s="168" t="s">
        <v>426</v>
      </c>
    </row>
    <row r="46" spans="1:19" ht="15" customHeight="1" x14ac:dyDescent="0.15">
      <c r="A46" s="997" t="s">
        <v>427</v>
      </c>
      <c r="F46" s="997"/>
    </row>
    <row r="47" spans="1:19" ht="16.5" customHeight="1" x14ac:dyDescent="0.15">
      <c r="C47" s="1275"/>
      <c r="D47" s="1275"/>
      <c r="E47" s="1275"/>
      <c r="O47" s="1138"/>
      <c r="P47" s="287"/>
      <c r="R47" s="997"/>
      <c r="S47" s="287"/>
    </row>
    <row r="48" spans="1:19" ht="16.5" customHeight="1" x14ac:dyDescent="0.15">
      <c r="C48" s="1275"/>
      <c r="D48" s="1275"/>
      <c r="E48" s="1275"/>
      <c r="O48" s="1138"/>
      <c r="P48" s="287"/>
      <c r="R48" s="997"/>
      <c r="S48" s="287"/>
    </row>
    <row r="49" spans="3:18" s="287" customFormat="1" ht="16.5" customHeight="1" x14ac:dyDescent="0.15">
      <c r="C49" s="1275"/>
      <c r="D49" s="1275"/>
      <c r="E49" s="1275"/>
      <c r="O49" s="1138"/>
      <c r="R49" s="997"/>
    </row>
    <row r="50" spans="3:18" s="287" customFormat="1" ht="16.5" customHeight="1" x14ac:dyDescent="0.15">
      <c r="C50" s="1275"/>
      <c r="D50" s="1275"/>
      <c r="E50" s="1275"/>
      <c r="O50" s="1138"/>
      <c r="R50" s="997"/>
    </row>
  </sheetData>
  <mergeCells count="8">
    <mergeCell ref="B4:G4"/>
    <mergeCell ref="H4:M4"/>
    <mergeCell ref="Q4:S6"/>
    <mergeCell ref="A5:A6"/>
    <mergeCell ref="B5:B6"/>
    <mergeCell ref="G5:G7"/>
    <mergeCell ref="K5:M5"/>
    <mergeCell ref="H6:H7"/>
  </mergeCells>
  <phoneticPr fontId="3"/>
  <conditionalFormatting sqref="B8:S43">
    <cfRule type="cellIs" dxfId="12" priority="2" operator="equal">
      <formula>0</formula>
    </cfRule>
  </conditionalFormatting>
  <pageMargins left="0.59055118110236227" right="0.59055118110236227" top="0.78740157480314965" bottom="0.78740157480314965" header="0.51181102362204722" footer="0.39370078740157483"/>
  <pageSetup paperSize="9" orientation="portrait" r:id="rId1"/>
  <headerFooter alignWithMargins="0"/>
  <colBreaks count="1" manualBreakCount="1">
    <brk id="9" max="4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19F72B2-298E-4582-A096-E4C72C21B257}">
  <dimension ref="A2:X112"/>
  <sheetViews>
    <sheetView zoomScaleNormal="100" zoomScaleSheetLayoutView="100" workbookViewId="0">
      <pane ySplit="6" topLeftCell="A7" activePane="bottomLeft" state="frozen"/>
      <selection activeCell="Y11" sqref="Y11"/>
      <selection pane="bottomLeft" activeCell="U23" sqref="U23"/>
    </sheetView>
  </sheetViews>
  <sheetFormatPr defaultColWidth="9" defaultRowHeight="16.5" customHeight="1" x14ac:dyDescent="0.15"/>
  <cols>
    <col min="1" max="1" width="12.625" style="81" customWidth="1"/>
    <col min="2" max="2" width="8.375" style="81" customWidth="1"/>
    <col min="3" max="10" width="8.375" style="287" customWidth="1"/>
    <col min="11" max="11" width="8.375" style="287" hidden="1" customWidth="1"/>
    <col min="12" max="24" width="8.375" style="287" customWidth="1"/>
    <col min="25" max="25" width="2.625" style="287" customWidth="1"/>
    <col min="26" max="16384" width="9" style="287"/>
  </cols>
  <sheetData>
    <row r="2" spans="1:24" ht="9" customHeight="1" x14ac:dyDescent="0.15"/>
    <row r="3" spans="1:24" s="142" customFormat="1" ht="16.5" customHeight="1" thickBot="1" x14ac:dyDescent="0.2">
      <c r="A3" s="867" t="s">
        <v>428</v>
      </c>
      <c r="B3" s="1276"/>
    </row>
    <row r="4" spans="1:24" s="877" customFormat="1" ht="19.5" customHeight="1" x14ac:dyDescent="0.15">
      <c r="A4" s="868"/>
      <c r="B4" s="1277"/>
      <c r="C4" s="1931" t="s">
        <v>429</v>
      </c>
      <c r="D4" s="1931"/>
      <c r="E4" s="1931"/>
      <c r="F4" s="1931"/>
      <c r="G4" s="1931"/>
      <c r="H4" s="1931"/>
      <c r="I4" s="1931"/>
      <c r="J4" s="1931"/>
      <c r="K4" s="1278"/>
      <c r="L4" s="1278"/>
      <c r="M4" s="1278"/>
      <c r="N4" s="1278"/>
      <c r="O4" s="1278"/>
      <c r="P4" s="1931" t="s">
        <v>429</v>
      </c>
      <c r="Q4" s="1931"/>
      <c r="R4" s="1931"/>
      <c r="S4" s="1931"/>
      <c r="T4" s="1931"/>
      <c r="U4" s="1594"/>
      <c r="V4" s="1594"/>
      <c r="W4" s="1279"/>
      <c r="X4" s="1280"/>
    </row>
    <row r="5" spans="1:24" s="877" customFormat="1" ht="19.5" customHeight="1" x14ac:dyDescent="0.15">
      <c r="A5" s="1593" t="s">
        <v>337</v>
      </c>
      <c r="B5" s="1932" t="s">
        <v>430</v>
      </c>
      <c r="C5" s="1921" t="s">
        <v>431</v>
      </c>
      <c r="D5" s="1921" t="s">
        <v>432</v>
      </c>
      <c r="E5" s="1921" t="s">
        <v>433</v>
      </c>
      <c r="F5" s="1921" t="s">
        <v>434</v>
      </c>
      <c r="G5" s="1921" t="s">
        <v>248</v>
      </c>
      <c r="H5" s="1921" t="s">
        <v>435</v>
      </c>
      <c r="I5" s="1934" t="s">
        <v>436</v>
      </c>
      <c r="J5" s="1921" t="s">
        <v>437</v>
      </c>
      <c r="K5" s="1921" t="s">
        <v>438</v>
      </c>
      <c r="L5" s="1936" t="s">
        <v>439</v>
      </c>
      <c r="M5" s="1921" t="s">
        <v>440</v>
      </c>
      <c r="N5" s="1937" t="s">
        <v>247</v>
      </c>
      <c r="O5" s="1938"/>
      <c r="P5" s="1928" t="s">
        <v>441</v>
      </c>
      <c r="Q5" s="1929"/>
      <c r="R5" s="1929"/>
      <c r="S5" s="1929"/>
      <c r="T5" s="1929"/>
      <c r="U5" s="1929"/>
      <c r="V5" s="1930"/>
      <c r="W5" s="1921" t="s">
        <v>231</v>
      </c>
      <c r="X5" s="1923" t="s">
        <v>442</v>
      </c>
    </row>
    <row r="6" spans="1:24" s="877" customFormat="1" ht="19.5" customHeight="1" thickBot="1" x14ac:dyDescent="0.2">
      <c r="A6" s="884"/>
      <c r="B6" s="1933"/>
      <c r="C6" s="1922"/>
      <c r="D6" s="1922"/>
      <c r="E6" s="1922"/>
      <c r="F6" s="1922"/>
      <c r="G6" s="1922"/>
      <c r="H6" s="1922"/>
      <c r="I6" s="1935"/>
      <c r="J6" s="1922"/>
      <c r="K6" s="1922"/>
      <c r="L6" s="1922"/>
      <c r="M6" s="1922"/>
      <c r="N6" s="1282" t="s">
        <v>443</v>
      </c>
      <c r="O6" s="1282" t="s">
        <v>444</v>
      </c>
      <c r="P6" s="1283" t="s">
        <v>445</v>
      </c>
      <c r="Q6" s="1283" t="s">
        <v>446</v>
      </c>
      <c r="R6" s="1284" t="s">
        <v>447</v>
      </c>
      <c r="S6" s="1283" t="s">
        <v>448</v>
      </c>
      <c r="T6" s="1283" t="s">
        <v>449</v>
      </c>
      <c r="U6" s="1285" t="s">
        <v>450</v>
      </c>
      <c r="V6" s="1286" t="s">
        <v>451</v>
      </c>
      <c r="W6" s="1922"/>
      <c r="X6" s="1924"/>
    </row>
    <row r="7" spans="1:24" s="902" customFormat="1" ht="21.75" customHeight="1" x14ac:dyDescent="0.15">
      <c r="A7" s="888" t="s">
        <v>37</v>
      </c>
      <c r="B7" s="889">
        <v>13601</v>
      </c>
      <c r="C7" s="890">
        <v>5064</v>
      </c>
      <c r="D7" s="890">
        <v>0</v>
      </c>
      <c r="E7" s="1288">
        <v>15534</v>
      </c>
      <c r="F7" s="890">
        <v>982</v>
      </c>
      <c r="G7" s="1288">
        <v>413</v>
      </c>
      <c r="H7" s="890">
        <v>13936</v>
      </c>
      <c r="I7" s="1289">
        <v>47172</v>
      </c>
      <c r="J7" s="1289">
        <v>0</v>
      </c>
      <c r="K7" s="1289">
        <v>0</v>
      </c>
      <c r="L7" s="1289">
        <v>0</v>
      </c>
      <c r="M7" s="890">
        <v>0</v>
      </c>
      <c r="N7" s="937">
        <v>0</v>
      </c>
      <c r="O7" s="937">
        <v>0</v>
      </c>
      <c r="P7" s="1290">
        <v>565</v>
      </c>
      <c r="Q7" s="1290">
        <v>0</v>
      </c>
      <c r="R7" s="1290">
        <v>0</v>
      </c>
      <c r="S7" s="1290">
        <v>0</v>
      </c>
      <c r="T7" s="1290">
        <v>0</v>
      </c>
      <c r="U7" s="1290">
        <v>0</v>
      </c>
      <c r="V7" s="1291">
        <v>0</v>
      </c>
      <c r="W7" s="1289">
        <v>6632</v>
      </c>
      <c r="X7" s="1292">
        <v>103899</v>
      </c>
    </row>
    <row r="8" spans="1:24" s="902" customFormat="1" ht="21.75" customHeight="1" x14ac:dyDescent="0.15">
      <c r="A8" s="903" t="s">
        <v>36</v>
      </c>
      <c r="B8" s="904">
        <v>3817</v>
      </c>
      <c r="C8" s="905">
        <v>2955</v>
      </c>
      <c r="D8" s="905">
        <v>494</v>
      </c>
      <c r="E8" s="1293">
        <v>8478</v>
      </c>
      <c r="F8" s="905">
        <v>8748</v>
      </c>
      <c r="G8" s="1293">
        <v>131</v>
      </c>
      <c r="H8" s="905">
        <v>5722</v>
      </c>
      <c r="I8" s="1290">
        <v>13524</v>
      </c>
      <c r="J8" s="1290">
        <v>0</v>
      </c>
      <c r="K8" s="1290">
        <v>0</v>
      </c>
      <c r="L8" s="1290">
        <v>0</v>
      </c>
      <c r="M8" s="905">
        <v>0</v>
      </c>
      <c r="N8" s="918">
        <v>0</v>
      </c>
      <c r="O8" s="918">
        <v>0</v>
      </c>
      <c r="P8" s="918">
        <v>0</v>
      </c>
      <c r="Q8" s="918">
        <v>0</v>
      </c>
      <c r="R8" s="918">
        <v>0</v>
      </c>
      <c r="S8" s="918">
        <v>285</v>
      </c>
      <c r="T8" s="918">
        <v>0</v>
      </c>
      <c r="U8" s="918">
        <v>0</v>
      </c>
      <c r="V8" s="918">
        <v>0</v>
      </c>
      <c r="W8" s="1290">
        <v>325</v>
      </c>
      <c r="X8" s="1294">
        <v>44479</v>
      </c>
    </row>
    <row r="9" spans="1:24" s="902" customFormat="1" ht="21.75" customHeight="1" x14ac:dyDescent="0.15">
      <c r="A9" s="903" t="s">
        <v>35</v>
      </c>
      <c r="B9" s="917">
        <v>1948</v>
      </c>
      <c r="C9" s="918">
        <v>1294</v>
      </c>
      <c r="D9" s="918">
        <v>112</v>
      </c>
      <c r="E9" s="1295">
        <v>3464</v>
      </c>
      <c r="F9" s="918">
        <v>15630</v>
      </c>
      <c r="G9" s="1295">
        <v>2434</v>
      </c>
      <c r="H9" s="918">
        <v>1565</v>
      </c>
      <c r="I9" s="1296">
        <v>6628</v>
      </c>
      <c r="J9" s="1296">
        <v>0</v>
      </c>
      <c r="K9" s="1296">
        <v>0</v>
      </c>
      <c r="L9" s="1296">
        <v>0</v>
      </c>
      <c r="M9" s="918">
        <v>0</v>
      </c>
      <c r="N9" s="918">
        <v>0</v>
      </c>
      <c r="O9" s="918">
        <v>128</v>
      </c>
      <c r="P9" s="918">
        <v>2078</v>
      </c>
      <c r="Q9" s="918">
        <v>0</v>
      </c>
      <c r="R9" s="918">
        <v>0</v>
      </c>
      <c r="S9" s="918">
        <v>896</v>
      </c>
      <c r="T9" s="918">
        <v>0</v>
      </c>
      <c r="U9" s="918">
        <v>1243</v>
      </c>
      <c r="V9" s="918">
        <v>0</v>
      </c>
      <c r="W9" s="1296">
        <v>429</v>
      </c>
      <c r="X9" s="1297">
        <v>37849</v>
      </c>
    </row>
    <row r="10" spans="1:24" s="902" customFormat="1" ht="21.75" customHeight="1" x14ac:dyDescent="0.15">
      <c r="A10" s="903" t="s">
        <v>34</v>
      </c>
      <c r="B10" s="917">
        <v>1183</v>
      </c>
      <c r="C10" s="918">
        <v>781</v>
      </c>
      <c r="D10" s="918">
        <v>0</v>
      </c>
      <c r="E10" s="918">
        <v>2399</v>
      </c>
      <c r="F10" s="918">
        <v>13</v>
      </c>
      <c r="G10" s="1296">
        <v>0</v>
      </c>
      <c r="H10" s="918">
        <v>1587</v>
      </c>
      <c r="I10" s="1296">
        <v>6849</v>
      </c>
      <c r="J10" s="1296">
        <v>0</v>
      </c>
      <c r="K10" s="1296">
        <v>0</v>
      </c>
      <c r="L10" s="1296">
        <v>0</v>
      </c>
      <c r="M10" s="918">
        <v>0</v>
      </c>
      <c r="N10" s="918">
        <v>0</v>
      </c>
      <c r="O10" s="918">
        <v>0</v>
      </c>
      <c r="P10" s="918">
        <v>3699</v>
      </c>
      <c r="Q10" s="918">
        <v>0</v>
      </c>
      <c r="R10" s="918">
        <v>0</v>
      </c>
      <c r="S10" s="918">
        <v>310</v>
      </c>
      <c r="T10" s="918">
        <v>327</v>
      </c>
      <c r="U10" s="918">
        <v>1534</v>
      </c>
      <c r="V10" s="918">
        <v>0</v>
      </c>
      <c r="W10" s="1296">
        <v>2219</v>
      </c>
      <c r="X10" s="1297">
        <v>20901</v>
      </c>
    </row>
    <row r="11" spans="1:24" s="902" customFormat="1" ht="21.75" customHeight="1" thickBot="1" x14ac:dyDescent="0.2">
      <c r="A11" s="924" t="s">
        <v>33</v>
      </c>
      <c r="B11" s="925">
        <v>1345</v>
      </c>
      <c r="C11" s="926">
        <v>376</v>
      </c>
      <c r="D11" s="926">
        <v>13</v>
      </c>
      <c r="E11" s="1298">
        <v>1392</v>
      </c>
      <c r="F11" s="926">
        <v>5846</v>
      </c>
      <c r="G11" s="1298">
        <v>927</v>
      </c>
      <c r="H11" s="926">
        <v>973</v>
      </c>
      <c r="I11" s="1299">
        <v>2932</v>
      </c>
      <c r="J11" s="1299">
        <v>0</v>
      </c>
      <c r="K11" s="1299">
        <v>0</v>
      </c>
      <c r="L11" s="1299">
        <v>0</v>
      </c>
      <c r="M11" s="926">
        <v>0</v>
      </c>
      <c r="N11" s="926">
        <v>0</v>
      </c>
      <c r="O11" s="926">
        <v>70</v>
      </c>
      <c r="P11" s="926">
        <v>3144</v>
      </c>
      <c r="Q11" s="926">
        <v>0</v>
      </c>
      <c r="R11" s="926">
        <v>0</v>
      </c>
      <c r="S11" s="926">
        <v>451</v>
      </c>
      <c r="T11" s="926">
        <v>19</v>
      </c>
      <c r="U11" s="926">
        <v>0</v>
      </c>
      <c r="V11" s="926">
        <v>0</v>
      </c>
      <c r="W11" s="1299">
        <v>805</v>
      </c>
      <c r="X11" s="1300">
        <v>18293</v>
      </c>
    </row>
    <row r="12" spans="1:24" s="902" customFormat="1" ht="21.75" customHeight="1" x14ac:dyDescent="0.15">
      <c r="A12" s="888" t="s">
        <v>32</v>
      </c>
      <c r="B12" s="889">
        <v>857</v>
      </c>
      <c r="C12" s="937">
        <v>240</v>
      </c>
      <c r="D12" s="937">
        <v>11</v>
      </c>
      <c r="E12" s="1301">
        <v>1361</v>
      </c>
      <c r="F12" s="937">
        <v>7045</v>
      </c>
      <c r="G12" s="1301">
        <v>996</v>
      </c>
      <c r="H12" s="937">
        <v>592</v>
      </c>
      <c r="I12" s="1302">
        <v>2848</v>
      </c>
      <c r="J12" s="1302">
        <v>301</v>
      </c>
      <c r="K12" s="1302">
        <v>0</v>
      </c>
      <c r="L12" s="1302">
        <v>97</v>
      </c>
      <c r="M12" s="937">
        <v>15077</v>
      </c>
      <c r="N12" s="937">
        <v>0</v>
      </c>
      <c r="O12" s="937">
        <v>42</v>
      </c>
      <c r="P12" s="937">
        <v>1943</v>
      </c>
      <c r="Q12" s="937">
        <v>0</v>
      </c>
      <c r="R12" s="937">
        <v>0</v>
      </c>
      <c r="S12" s="937">
        <v>98</v>
      </c>
      <c r="T12" s="937">
        <v>80</v>
      </c>
      <c r="U12" s="937">
        <v>0</v>
      </c>
      <c r="V12" s="937">
        <v>213</v>
      </c>
      <c r="W12" s="1302">
        <v>271</v>
      </c>
      <c r="X12" s="1303">
        <v>32072</v>
      </c>
    </row>
    <row r="13" spans="1:24" s="902" customFormat="1" ht="21.75" customHeight="1" x14ac:dyDescent="0.15">
      <c r="A13" s="903" t="s">
        <v>31</v>
      </c>
      <c r="B13" s="917">
        <v>1842</v>
      </c>
      <c r="C13" s="918">
        <v>13</v>
      </c>
      <c r="D13" s="918">
        <v>0</v>
      </c>
      <c r="E13" s="1295">
        <v>0</v>
      </c>
      <c r="F13" s="918">
        <v>0</v>
      </c>
      <c r="G13" s="1295">
        <v>0</v>
      </c>
      <c r="H13" s="918">
        <v>1483</v>
      </c>
      <c r="I13" s="1296">
        <v>6594</v>
      </c>
      <c r="J13" s="1296">
        <v>461</v>
      </c>
      <c r="K13" s="1296">
        <v>0</v>
      </c>
      <c r="L13" s="1296">
        <v>0</v>
      </c>
      <c r="M13" s="918">
        <v>0</v>
      </c>
      <c r="N13" s="918">
        <v>0</v>
      </c>
      <c r="O13" s="918">
        <v>0</v>
      </c>
      <c r="P13" s="918">
        <v>6163</v>
      </c>
      <c r="Q13" s="918">
        <v>0</v>
      </c>
      <c r="R13" s="918">
        <v>0</v>
      </c>
      <c r="S13" s="918">
        <v>434</v>
      </c>
      <c r="T13" s="918">
        <v>348</v>
      </c>
      <c r="U13" s="918">
        <v>0</v>
      </c>
      <c r="V13" s="918">
        <v>26</v>
      </c>
      <c r="W13" s="1296">
        <v>151</v>
      </c>
      <c r="X13" s="1297">
        <v>17515</v>
      </c>
    </row>
    <row r="14" spans="1:24" s="902" customFormat="1" ht="21.75" customHeight="1" x14ac:dyDescent="0.15">
      <c r="A14" s="903" t="s">
        <v>30</v>
      </c>
      <c r="B14" s="917">
        <v>861</v>
      </c>
      <c r="C14" s="918">
        <v>300</v>
      </c>
      <c r="D14" s="918">
        <v>3</v>
      </c>
      <c r="E14" s="1295">
        <v>900</v>
      </c>
      <c r="F14" s="918">
        <v>6531</v>
      </c>
      <c r="G14" s="1295">
        <v>460</v>
      </c>
      <c r="H14" s="918">
        <v>587</v>
      </c>
      <c r="I14" s="1296">
        <v>2169</v>
      </c>
      <c r="J14" s="1296">
        <v>0</v>
      </c>
      <c r="K14" s="1296">
        <v>0</v>
      </c>
      <c r="L14" s="1296">
        <v>0</v>
      </c>
      <c r="M14" s="918">
        <v>0</v>
      </c>
      <c r="N14" s="918">
        <v>43</v>
      </c>
      <c r="O14" s="918">
        <v>0</v>
      </c>
      <c r="P14" s="918">
        <v>298</v>
      </c>
      <c r="Q14" s="918">
        <v>0</v>
      </c>
      <c r="R14" s="918">
        <v>0</v>
      </c>
      <c r="S14" s="918">
        <v>34</v>
      </c>
      <c r="T14" s="918">
        <v>27</v>
      </c>
      <c r="U14" s="918">
        <v>391</v>
      </c>
      <c r="V14" s="918">
        <v>613</v>
      </c>
      <c r="W14" s="1296">
        <v>208</v>
      </c>
      <c r="X14" s="1297">
        <v>13425</v>
      </c>
    </row>
    <row r="15" spans="1:24" s="902" customFormat="1" ht="21.75" customHeight="1" x14ac:dyDescent="0.15">
      <c r="A15" s="903" t="s">
        <v>29</v>
      </c>
      <c r="B15" s="917">
        <v>827</v>
      </c>
      <c r="C15" s="918">
        <v>445</v>
      </c>
      <c r="D15" s="918">
        <v>0</v>
      </c>
      <c r="E15" s="1295">
        <v>1540</v>
      </c>
      <c r="F15" s="918">
        <v>6725</v>
      </c>
      <c r="G15" s="1295">
        <v>1281</v>
      </c>
      <c r="H15" s="918">
        <v>779</v>
      </c>
      <c r="I15" s="1296">
        <v>2839</v>
      </c>
      <c r="J15" s="1296">
        <v>0</v>
      </c>
      <c r="K15" s="1296">
        <v>0</v>
      </c>
      <c r="L15" s="1296">
        <v>0</v>
      </c>
      <c r="M15" s="918">
        <v>0</v>
      </c>
      <c r="N15" s="918">
        <v>65</v>
      </c>
      <c r="O15" s="918">
        <v>0</v>
      </c>
      <c r="P15" s="918">
        <v>799</v>
      </c>
      <c r="Q15" s="918">
        <v>395</v>
      </c>
      <c r="R15" s="918">
        <v>0</v>
      </c>
      <c r="S15" s="918">
        <v>48</v>
      </c>
      <c r="T15" s="918">
        <v>64</v>
      </c>
      <c r="U15" s="918">
        <v>511</v>
      </c>
      <c r="V15" s="918">
        <v>0</v>
      </c>
      <c r="W15" s="1296">
        <v>1044</v>
      </c>
      <c r="X15" s="1297">
        <v>17362</v>
      </c>
    </row>
    <row r="16" spans="1:24" s="902" customFormat="1" ht="21.75" customHeight="1" thickBot="1" x14ac:dyDescent="0.2">
      <c r="A16" s="924" t="s">
        <v>28</v>
      </c>
      <c r="B16" s="925">
        <v>145</v>
      </c>
      <c r="C16" s="926">
        <v>0</v>
      </c>
      <c r="D16" s="926">
        <v>0</v>
      </c>
      <c r="E16" s="1298">
        <v>459</v>
      </c>
      <c r="F16" s="926">
        <v>73</v>
      </c>
      <c r="G16" s="1298">
        <v>0</v>
      </c>
      <c r="H16" s="926">
        <v>183</v>
      </c>
      <c r="I16" s="1299">
        <v>804</v>
      </c>
      <c r="J16" s="1299">
        <v>0</v>
      </c>
      <c r="K16" s="1299">
        <v>0</v>
      </c>
      <c r="L16" s="1299">
        <v>0</v>
      </c>
      <c r="M16" s="926">
        <v>0</v>
      </c>
      <c r="N16" s="926">
        <v>3</v>
      </c>
      <c r="O16" s="926">
        <v>0</v>
      </c>
      <c r="P16" s="926">
        <v>1012</v>
      </c>
      <c r="Q16" s="926">
        <v>0</v>
      </c>
      <c r="R16" s="926">
        <v>0</v>
      </c>
      <c r="S16" s="926">
        <v>0</v>
      </c>
      <c r="T16" s="926">
        <v>0</v>
      </c>
      <c r="U16" s="926">
        <v>0</v>
      </c>
      <c r="V16" s="926">
        <v>0</v>
      </c>
      <c r="W16" s="1299">
        <v>2236</v>
      </c>
      <c r="X16" s="1300">
        <v>4915</v>
      </c>
    </row>
    <row r="17" spans="1:24" s="902" customFormat="1" ht="21.75" customHeight="1" x14ac:dyDescent="0.15">
      <c r="A17" s="888" t="s">
        <v>27</v>
      </c>
      <c r="B17" s="889">
        <v>254</v>
      </c>
      <c r="C17" s="937">
        <v>67</v>
      </c>
      <c r="D17" s="937">
        <v>0</v>
      </c>
      <c r="E17" s="1301">
        <v>252</v>
      </c>
      <c r="F17" s="937">
        <v>769</v>
      </c>
      <c r="G17" s="1301">
        <v>154</v>
      </c>
      <c r="H17" s="937">
        <v>168</v>
      </c>
      <c r="I17" s="1302">
        <v>599</v>
      </c>
      <c r="J17" s="1302">
        <v>10</v>
      </c>
      <c r="K17" s="1302">
        <v>0</v>
      </c>
      <c r="L17" s="1302">
        <v>0</v>
      </c>
      <c r="M17" s="890">
        <v>2077</v>
      </c>
      <c r="N17" s="937">
        <v>0</v>
      </c>
      <c r="O17" s="937">
        <v>0</v>
      </c>
      <c r="P17" s="937">
        <v>384</v>
      </c>
      <c r="Q17" s="937">
        <v>0</v>
      </c>
      <c r="R17" s="937">
        <v>0</v>
      </c>
      <c r="S17" s="937">
        <v>32</v>
      </c>
      <c r="T17" s="937">
        <v>34</v>
      </c>
      <c r="U17" s="937">
        <v>159</v>
      </c>
      <c r="V17" s="937">
        <v>0</v>
      </c>
      <c r="W17" s="1289">
        <v>13</v>
      </c>
      <c r="X17" s="1292">
        <v>4972</v>
      </c>
    </row>
    <row r="18" spans="1:24" s="902" customFormat="1" ht="21.75" customHeight="1" x14ac:dyDescent="0.15">
      <c r="A18" s="903" t="s">
        <v>26</v>
      </c>
      <c r="B18" s="917">
        <v>641</v>
      </c>
      <c r="C18" s="918">
        <v>219</v>
      </c>
      <c r="D18" s="918">
        <v>811</v>
      </c>
      <c r="E18" s="1295">
        <v>0</v>
      </c>
      <c r="F18" s="918">
        <v>3408</v>
      </c>
      <c r="G18" s="1295">
        <v>255</v>
      </c>
      <c r="H18" s="918">
        <v>473</v>
      </c>
      <c r="I18" s="1296">
        <v>1450</v>
      </c>
      <c r="J18" s="1296">
        <v>0</v>
      </c>
      <c r="K18" s="1296">
        <v>0</v>
      </c>
      <c r="L18" s="1296">
        <v>0</v>
      </c>
      <c r="M18" s="918">
        <v>0</v>
      </c>
      <c r="N18" s="918">
        <v>31</v>
      </c>
      <c r="O18" s="918">
        <v>0</v>
      </c>
      <c r="P18" s="918">
        <v>1730</v>
      </c>
      <c r="Q18" s="918">
        <v>507</v>
      </c>
      <c r="R18" s="918">
        <v>0</v>
      </c>
      <c r="S18" s="918">
        <v>0</v>
      </c>
      <c r="T18" s="918">
        <v>0</v>
      </c>
      <c r="U18" s="918">
        <v>454</v>
      </c>
      <c r="V18" s="918">
        <v>190</v>
      </c>
      <c r="W18" s="1296">
        <v>3589</v>
      </c>
      <c r="X18" s="1303">
        <v>13758</v>
      </c>
    </row>
    <row r="19" spans="1:24" s="902" customFormat="1" ht="21.75" customHeight="1" x14ac:dyDescent="0.15">
      <c r="A19" s="903" t="s">
        <v>25</v>
      </c>
      <c r="B19" s="917">
        <v>1024</v>
      </c>
      <c r="C19" s="918">
        <v>390</v>
      </c>
      <c r="D19" s="918">
        <v>54</v>
      </c>
      <c r="E19" s="1295">
        <v>1549</v>
      </c>
      <c r="F19" s="918">
        <v>5693</v>
      </c>
      <c r="G19" s="1295">
        <v>874</v>
      </c>
      <c r="H19" s="918">
        <v>970</v>
      </c>
      <c r="I19" s="1296">
        <v>2088</v>
      </c>
      <c r="J19" s="1296">
        <v>3074</v>
      </c>
      <c r="K19" s="1296">
        <v>0</v>
      </c>
      <c r="L19" s="1296">
        <v>0</v>
      </c>
      <c r="M19" s="918">
        <v>0</v>
      </c>
      <c r="N19" s="918">
        <v>0</v>
      </c>
      <c r="O19" s="918">
        <v>34</v>
      </c>
      <c r="P19" s="918">
        <v>0</v>
      </c>
      <c r="Q19" s="918">
        <v>0</v>
      </c>
      <c r="R19" s="918">
        <v>0</v>
      </c>
      <c r="S19" s="918">
        <v>0</v>
      </c>
      <c r="T19" s="918">
        <v>0</v>
      </c>
      <c r="U19" s="918">
        <v>0</v>
      </c>
      <c r="V19" s="918">
        <v>0</v>
      </c>
      <c r="W19" s="1296">
        <v>105</v>
      </c>
      <c r="X19" s="1297">
        <v>15855</v>
      </c>
    </row>
    <row r="20" spans="1:24" s="902" customFormat="1" ht="21.75" customHeight="1" x14ac:dyDescent="0.15">
      <c r="A20" s="903" t="s">
        <v>24</v>
      </c>
      <c r="B20" s="917">
        <v>956</v>
      </c>
      <c r="C20" s="918">
        <v>544</v>
      </c>
      <c r="D20" s="918">
        <v>27</v>
      </c>
      <c r="E20" s="1295">
        <v>1173</v>
      </c>
      <c r="F20" s="918">
        <v>5325</v>
      </c>
      <c r="G20" s="1295">
        <v>910</v>
      </c>
      <c r="H20" s="918">
        <v>696</v>
      </c>
      <c r="I20" s="1296">
        <v>2171</v>
      </c>
      <c r="J20" s="1296">
        <v>0</v>
      </c>
      <c r="K20" s="1296">
        <v>0</v>
      </c>
      <c r="L20" s="1296">
        <v>0</v>
      </c>
      <c r="M20" s="918">
        <v>0</v>
      </c>
      <c r="N20" s="918">
        <v>0</v>
      </c>
      <c r="O20" s="918">
        <v>5</v>
      </c>
      <c r="P20" s="918">
        <v>3262</v>
      </c>
      <c r="Q20" s="918">
        <v>0</v>
      </c>
      <c r="R20" s="918">
        <v>0</v>
      </c>
      <c r="S20" s="918">
        <v>427</v>
      </c>
      <c r="T20" s="918">
        <v>30</v>
      </c>
      <c r="U20" s="918">
        <v>0</v>
      </c>
      <c r="V20" s="918">
        <v>0</v>
      </c>
      <c r="W20" s="1296">
        <v>59</v>
      </c>
      <c r="X20" s="1297">
        <v>15585</v>
      </c>
    </row>
    <row r="21" spans="1:24" s="902" customFormat="1" ht="21.75" customHeight="1" thickBot="1" x14ac:dyDescent="0.2">
      <c r="A21" s="924" t="s">
        <v>23</v>
      </c>
      <c r="B21" s="925">
        <v>251</v>
      </c>
      <c r="C21" s="926">
        <v>23</v>
      </c>
      <c r="D21" s="926">
        <v>508</v>
      </c>
      <c r="E21" s="1298">
        <v>0</v>
      </c>
      <c r="F21" s="926">
        <v>53</v>
      </c>
      <c r="G21" s="1298">
        <v>0</v>
      </c>
      <c r="H21" s="926">
        <v>338</v>
      </c>
      <c r="I21" s="1299">
        <v>875</v>
      </c>
      <c r="J21" s="1299">
        <v>1192</v>
      </c>
      <c r="K21" s="1299">
        <v>0</v>
      </c>
      <c r="L21" s="1299">
        <v>0</v>
      </c>
      <c r="M21" s="926">
        <v>0</v>
      </c>
      <c r="N21" s="926">
        <v>0</v>
      </c>
      <c r="O21" s="926">
        <v>0</v>
      </c>
      <c r="P21" s="926">
        <v>1144</v>
      </c>
      <c r="Q21" s="926">
        <v>334</v>
      </c>
      <c r="R21" s="926">
        <v>0</v>
      </c>
      <c r="S21" s="926">
        <v>0</v>
      </c>
      <c r="T21" s="926">
        <v>0</v>
      </c>
      <c r="U21" s="926">
        <v>300</v>
      </c>
      <c r="V21" s="926">
        <v>107</v>
      </c>
      <c r="W21" s="1299">
        <v>476</v>
      </c>
      <c r="X21" s="1300">
        <v>5601</v>
      </c>
    </row>
    <row r="22" spans="1:24" s="902" customFormat="1" ht="21.75" customHeight="1" x14ac:dyDescent="0.15">
      <c r="A22" s="888" t="s">
        <v>22</v>
      </c>
      <c r="B22" s="889">
        <v>455</v>
      </c>
      <c r="C22" s="937">
        <v>308</v>
      </c>
      <c r="D22" s="937">
        <v>0</v>
      </c>
      <c r="E22" s="1301">
        <v>752</v>
      </c>
      <c r="F22" s="937">
        <v>4242</v>
      </c>
      <c r="G22" s="1301">
        <v>697</v>
      </c>
      <c r="H22" s="937">
        <v>549</v>
      </c>
      <c r="I22" s="1302">
        <v>1778</v>
      </c>
      <c r="J22" s="1302">
        <v>15</v>
      </c>
      <c r="K22" s="1302">
        <v>0</v>
      </c>
      <c r="L22" s="1302">
        <v>258</v>
      </c>
      <c r="M22" s="937">
        <v>0</v>
      </c>
      <c r="N22" s="937">
        <v>0</v>
      </c>
      <c r="O22" s="937">
        <v>43</v>
      </c>
      <c r="P22" s="937">
        <v>1118</v>
      </c>
      <c r="Q22" s="937">
        <v>971</v>
      </c>
      <c r="R22" s="937">
        <v>0</v>
      </c>
      <c r="S22" s="937">
        <v>125</v>
      </c>
      <c r="T22" s="937">
        <v>6</v>
      </c>
      <c r="U22" s="937">
        <v>0</v>
      </c>
      <c r="V22" s="937">
        <v>0</v>
      </c>
      <c r="W22" s="1302">
        <v>233</v>
      </c>
      <c r="X22" s="1303">
        <v>11550</v>
      </c>
    </row>
    <row r="23" spans="1:24" s="902" customFormat="1" ht="21.75" customHeight="1" x14ac:dyDescent="0.15">
      <c r="A23" s="903" t="s">
        <v>21</v>
      </c>
      <c r="B23" s="917">
        <v>328</v>
      </c>
      <c r="C23" s="918">
        <v>354</v>
      </c>
      <c r="D23" s="918">
        <v>0</v>
      </c>
      <c r="E23" s="1295">
        <v>706</v>
      </c>
      <c r="F23" s="918">
        <v>2782</v>
      </c>
      <c r="G23" s="1295">
        <v>587</v>
      </c>
      <c r="H23" s="918">
        <v>578</v>
      </c>
      <c r="I23" s="1296">
        <v>1250</v>
      </c>
      <c r="J23" s="1296">
        <v>0</v>
      </c>
      <c r="K23" s="1296">
        <v>0</v>
      </c>
      <c r="L23" s="1296">
        <v>0</v>
      </c>
      <c r="M23" s="918">
        <v>0</v>
      </c>
      <c r="N23" s="918">
        <v>27</v>
      </c>
      <c r="O23" s="918">
        <v>0</v>
      </c>
      <c r="P23" s="918">
        <v>1052</v>
      </c>
      <c r="Q23" s="918">
        <v>914</v>
      </c>
      <c r="R23" s="918">
        <v>0</v>
      </c>
      <c r="S23" s="918">
        <v>117</v>
      </c>
      <c r="T23" s="918">
        <v>5</v>
      </c>
      <c r="U23" s="918">
        <v>0</v>
      </c>
      <c r="V23" s="918">
        <v>0</v>
      </c>
      <c r="W23" s="1296">
        <v>1085</v>
      </c>
      <c r="X23" s="1297">
        <v>9785</v>
      </c>
    </row>
    <row r="24" spans="1:24" s="902" customFormat="1" ht="21.75" customHeight="1" x14ac:dyDescent="0.15">
      <c r="A24" s="903" t="s">
        <v>20</v>
      </c>
      <c r="B24" s="917">
        <v>310</v>
      </c>
      <c r="C24" s="918">
        <v>8</v>
      </c>
      <c r="D24" s="918">
        <v>0</v>
      </c>
      <c r="E24" s="1295">
        <v>213</v>
      </c>
      <c r="F24" s="918">
        <v>1375</v>
      </c>
      <c r="G24" s="1295">
        <v>10</v>
      </c>
      <c r="H24" s="918">
        <v>148</v>
      </c>
      <c r="I24" s="1296">
        <v>447</v>
      </c>
      <c r="J24" s="1296">
        <v>212</v>
      </c>
      <c r="K24" s="1296">
        <v>0</v>
      </c>
      <c r="L24" s="1296">
        <v>0</v>
      </c>
      <c r="M24" s="918">
        <v>0</v>
      </c>
      <c r="N24" s="918">
        <v>11</v>
      </c>
      <c r="O24" s="918">
        <v>0</v>
      </c>
      <c r="P24" s="918">
        <v>8</v>
      </c>
      <c r="Q24" s="918">
        <v>560</v>
      </c>
      <c r="R24" s="918">
        <v>0</v>
      </c>
      <c r="S24" s="918">
        <v>0</v>
      </c>
      <c r="T24" s="918">
        <v>0</v>
      </c>
      <c r="U24" s="918">
        <v>0</v>
      </c>
      <c r="V24" s="918">
        <v>0</v>
      </c>
      <c r="W24" s="1296">
        <v>13</v>
      </c>
      <c r="X24" s="1297">
        <v>3315</v>
      </c>
    </row>
    <row r="25" spans="1:24" s="902" customFormat="1" ht="21.75" customHeight="1" thickBot="1" x14ac:dyDescent="0.2">
      <c r="A25" s="952" t="s">
        <v>19</v>
      </c>
      <c r="B25" s="953">
        <v>470</v>
      </c>
      <c r="C25" s="954">
        <v>159</v>
      </c>
      <c r="D25" s="954">
        <v>11</v>
      </c>
      <c r="E25" s="1304">
        <v>436</v>
      </c>
      <c r="F25" s="954">
        <v>1724</v>
      </c>
      <c r="G25" s="1304">
        <v>396</v>
      </c>
      <c r="H25" s="954">
        <v>310</v>
      </c>
      <c r="I25" s="1305">
        <v>903</v>
      </c>
      <c r="J25" s="1305">
        <v>0</v>
      </c>
      <c r="K25" s="1305">
        <v>0</v>
      </c>
      <c r="L25" s="1305">
        <v>1067</v>
      </c>
      <c r="M25" s="954">
        <v>0</v>
      </c>
      <c r="N25" s="926">
        <v>0</v>
      </c>
      <c r="O25" s="926">
        <v>27</v>
      </c>
      <c r="P25" s="1302">
        <v>717</v>
      </c>
      <c r="Q25" s="1302">
        <v>623</v>
      </c>
      <c r="R25" s="1302">
        <v>0</v>
      </c>
      <c r="S25" s="1302">
        <v>79</v>
      </c>
      <c r="T25" s="1302">
        <v>3</v>
      </c>
      <c r="U25" s="1302">
        <v>0</v>
      </c>
      <c r="V25" s="905">
        <v>0</v>
      </c>
      <c r="W25" s="1305">
        <v>32</v>
      </c>
      <c r="X25" s="1306">
        <v>6957</v>
      </c>
    </row>
    <row r="26" spans="1:24" s="902" customFormat="1" ht="21.75" customHeight="1" thickBot="1" x14ac:dyDescent="0.2">
      <c r="A26" s="962" t="s">
        <v>18</v>
      </c>
      <c r="B26" s="963">
        <v>31115</v>
      </c>
      <c r="C26" s="964">
        <v>13540</v>
      </c>
      <c r="D26" s="964">
        <v>2044</v>
      </c>
      <c r="E26" s="964">
        <v>40608</v>
      </c>
      <c r="F26" s="964">
        <v>76964</v>
      </c>
      <c r="G26" s="964">
        <v>10525</v>
      </c>
      <c r="H26" s="964">
        <v>31637</v>
      </c>
      <c r="I26" s="964">
        <v>103920</v>
      </c>
      <c r="J26" s="964">
        <v>5265</v>
      </c>
      <c r="K26" s="964">
        <v>0</v>
      </c>
      <c r="L26" s="964">
        <v>1422</v>
      </c>
      <c r="M26" s="964">
        <v>17154</v>
      </c>
      <c r="N26" s="964">
        <v>180</v>
      </c>
      <c r="O26" s="964">
        <v>349</v>
      </c>
      <c r="P26" s="964">
        <v>29116</v>
      </c>
      <c r="Q26" s="964">
        <v>4304</v>
      </c>
      <c r="R26" s="964">
        <v>0</v>
      </c>
      <c r="S26" s="964">
        <v>3336</v>
      </c>
      <c r="T26" s="964">
        <v>943</v>
      </c>
      <c r="U26" s="964">
        <v>4592</v>
      </c>
      <c r="V26" s="964">
        <v>1149</v>
      </c>
      <c r="W26" s="964">
        <v>19925</v>
      </c>
      <c r="X26" s="1307">
        <v>398088</v>
      </c>
    </row>
    <row r="27" spans="1:24" s="902" customFormat="1" ht="21.75" customHeight="1" x14ac:dyDescent="0.15">
      <c r="A27" s="888" t="s">
        <v>17</v>
      </c>
      <c r="B27" s="889">
        <v>58</v>
      </c>
      <c r="C27" s="937">
        <v>0</v>
      </c>
      <c r="D27" s="937">
        <v>0</v>
      </c>
      <c r="E27" s="1301">
        <v>0</v>
      </c>
      <c r="F27" s="937">
        <v>0</v>
      </c>
      <c r="G27" s="1301">
        <v>0</v>
      </c>
      <c r="H27" s="937">
        <v>100</v>
      </c>
      <c r="I27" s="1302">
        <v>554</v>
      </c>
      <c r="J27" s="1302">
        <v>1723</v>
      </c>
      <c r="K27" s="1302">
        <v>0</v>
      </c>
      <c r="L27" s="1302">
        <v>17</v>
      </c>
      <c r="M27" s="937">
        <v>0</v>
      </c>
      <c r="N27" s="1302">
        <v>8</v>
      </c>
      <c r="O27" s="1302">
        <v>0</v>
      </c>
      <c r="P27" s="1302">
        <v>564</v>
      </c>
      <c r="Q27" s="1302">
        <v>0</v>
      </c>
      <c r="R27" s="1302">
        <v>0</v>
      </c>
      <c r="S27" s="1302">
        <v>0</v>
      </c>
      <c r="T27" s="1302">
        <v>0</v>
      </c>
      <c r="U27" s="1302">
        <v>0</v>
      </c>
      <c r="V27" s="905">
        <v>0</v>
      </c>
      <c r="W27" s="1302">
        <v>219</v>
      </c>
      <c r="X27" s="1303">
        <v>3243</v>
      </c>
    </row>
    <row r="28" spans="1:24" s="902" customFormat="1" ht="21.75" customHeight="1" x14ac:dyDescent="0.15">
      <c r="A28" s="903" t="s">
        <v>16</v>
      </c>
      <c r="B28" s="917">
        <v>24</v>
      </c>
      <c r="C28" s="918">
        <v>148</v>
      </c>
      <c r="D28" s="918">
        <v>0</v>
      </c>
      <c r="E28" s="1295">
        <v>207</v>
      </c>
      <c r="F28" s="918">
        <v>911</v>
      </c>
      <c r="G28" s="1295">
        <v>236</v>
      </c>
      <c r="H28" s="918">
        <v>110</v>
      </c>
      <c r="I28" s="1296">
        <v>515</v>
      </c>
      <c r="J28" s="1296">
        <v>70</v>
      </c>
      <c r="K28" s="1296">
        <v>0</v>
      </c>
      <c r="L28" s="1296">
        <v>0</v>
      </c>
      <c r="M28" s="918">
        <v>0</v>
      </c>
      <c r="N28" s="1302">
        <v>13</v>
      </c>
      <c r="O28" s="1302">
        <v>0</v>
      </c>
      <c r="P28" s="918">
        <v>952</v>
      </c>
      <c r="Q28" s="918">
        <v>0</v>
      </c>
      <c r="R28" s="918">
        <v>0</v>
      </c>
      <c r="S28" s="918">
        <v>44</v>
      </c>
      <c r="T28" s="918">
        <v>0</v>
      </c>
      <c r="U28" s="918">
        <v>50</v>
      </c>
      <c r="V28" s="918">
        <v>0</v>
      </c>
      <c r="W28" s="1296">
        <v>95</v>
      </c>
      <c r="X28" s="1297">
        <v>3375</v>
      </c>
    </row>
    <row r="29" spans="1:24" s="902" customFormat="1" ht="21.75" customHeight="1" x14ac:dyDescent="0.15">
      <c r="A29" s="903" t="s">
        <v>15</v>
      </c>
      <c r="B29" s="917">
        <v>224</v>
      </c>
      <c r="C29" s="918">
        <v>52</v>
      </c>
      <c r="D29" s="918">
        <v>8</v>
      </c>
      <c r="E29" s="1295">
        <v>202</v>
      </c>
      <c r="F29" s="918">
        <v>882</v>
      </c>
      <c r="G29" s="1295">
        <v>173</v>
      </c>
      <c r="H29" s="918">
        <v>81</v>
      </c>
      <c r="I29" s="1296">
        <v>302</v>
      </c>
      <c r="J29" s="1296">
        <v>12</v>
      </c>
      <c r="K29" s="1296">
        <v>0</v>
      </c>
      <c r="L29" s="1296">
        <v>0</v>
      </c>
      <c r="M29" s="918">
        <v>0</v>
      </c>
      <c r="N29" s="1296">
        <v>9</v>
      </c>
      <c r="O29" s="1296">
        <v>0</v>
      </c>
      <c r="P29" s="918">
        <v>411</v>
      </c>
      <c r="Q29" s="918">
        <v>0</v>
      </c>
      <c r="R29" s="918">
        <v>0</v>
      </c>
      <c r="S29" s="918">
        <v>59</v>
      </c>
      <c r="T29" s="918">
        <v>2</v>
      </c>
      <c r="U29" s="918">
        <v>0</v>
      </c>
      <c r="V29" s="918">
        <v>0</v>
      </c>
      <c r="W29" s="1296">
        <v>78</v>
      </c>
      <c r="X29" s="1297">
        <v>2495</v>
      </c>
    </row>
    <row r="30" spans="1:24" s="902" customFormat="1" ht="21.75" customHeight="1" thickBot="1" x14ac:dyDescent="0.2">
      <c r="A30" s="924" t="s">
        <v>14</v>
      </c>
      <c r="B30" s="925">
        <v>145</v>
      </c>
      <c r="C30" s="954">
        <v>64</v>
      </c>
      <c r="D30" s="954">
        <v>1</v>
      </c>
      <c r="E30" s="1304">
        <v>158</v>
      </c>
      <c r="F30" s="954">
        <v>964</v>
      </c>
      <c r="G30" s="1304">
        <v>120</v>
      </c>
      <c r="H30" s="954">
        <v>72</v>
      </c>
      <c r="I30" s="1305">
        <v>274</v>
      </c>
      <c r="J30" s="1305">
        <v>0</v>
      </c>
      <c r="K30" s="1305">
        <v>0</v>
      </c>
      <c r="L30" s="1305">
        <v>0</v>
      </c>
      <c r="M30" s="954">
        <v>0</v>
      </c>
      <c r="N30" s="1308">
        <v>0</v>
      </c>
      <c r="O30" s="1308">
        <v>6</v>
      </c>
      <c r="P30" s="926">
        <v>289</v>
      </c>
      <c r="Q30" s="926">
        <v>0</v>
      </c>
      <c r="R30" s="926">
        <v>0</v>
      </c>
      <c r="S30" s="926">
        <v>41</v>
      </c>
      <c r="T30" s="926">
        <v>2</v>
      </c>
      <c r="U30" s="926">
        <v>0</v>
      </c>
      <c r="V30" s="926">
        <v>0</v>
      </c>
      <c r="W30" s="1305">
        <v>229</v>
      </c>
      <c r="X30" s="1306">
        <v>2365</v>
      </c>
    </row>
    <row r="31" spans="1:24" s="902" customFormat="1" ht="21.75" customHeight="1" x14ac:dyDescent="0.15">
      <c r="A31" s="888" t="s">
        <v>13</v>
      </c>
      <c r="B31" s="889">
        <v>40</v>
      </c>
      <c r="C31" s="890">
        <v>18</v>
      </c>
      <c r="D31" s="890">
        <v>0</v>
      </c>
      <c r="E31" s="1288">
        <v>47</v>
      </c>
      <c r="F31" s="890">
        <v>180</v>
      </c>
      <c r="G31" s="1288">
        <v>32</v>
      </c>
      <c r="H31" s="890">
        <v>26</v>
      </c>
      <c r="I31" s="1289">
        <v>65</v>
      </c>
      <c r="J31" s="1289">
        <v>0</v>
      </c>
      <c r="K31" s="1289">
        <v>0</v>
      </c>
      <c r="L31" s="1289">
        <v>0</v>
      </c>
      <c r="M31" s="890">
        <v>0</v>
      </c>
      <c r="N31" s="1302">
        <v>0</v>
      </c>
      <c r="O31" s="1302">
        <v>0</v>
      </c>
      <c r="P31" s="937">
        <v>32</v>
      </c>
      <c r="Q31" s="937">
        <v>0</v>
      </c>
      <c r="R31" s="937">
        <v>0</v>
      </c>
      <c r="S31" s="937">
        <v>0</v>
      </c>
      <c r="T31" s="937">
        <v>0</v>
      </c>
      <c r="U31" s="937">
        <v>0</v>
      </c>
      <c r="V31" s="937">
        <v>0</v>
      </c>
      <c r="W31" s="1289">
        <v>14</v>
      </c>
      <c r="X31" s="1292">
        <v>454</v>
      </c>
    </row>
    <row r="32" spans="1:24" s="902" customFormat="1" ht="21.75" customHeight="1" x14ac:dyDescent="0.15">
      <c r="A32" s="903" t="s">
        <v>12</v>
      </c>
      <c r="B32" s="917">
        <v>76</v>
      </c>
      <c r="C32" s="918">
        <v>31</v>
      </c>
      <c r="D32" s="918">
        <v>0</v>
      </c>
      <c r="E32" s="1295">
        <v>94</v>
      </c>
      <c r="F32" s="918">
        <v>441</v>
      </c>
      <c r="G32" s="1295">
        <v>41</v>
      </c>
      <c r="H32" s="918">
        <v>61</v>
      </c>
      <c r="I32" s="1296">
        <v>143</v>
      </c>
      <c r="J32" s="1296">
        <v>0</v>
      </c>
      <c r="K32" s="1296">
        <v>0</v>
      </c>
      <c r="L32" s="1296">
        <v>0</v>
      </c>
      <c r="M32" s="918">
        <v>0</v>
      </c>
      <c r="N32" s="1302">
        <v>0</v>
      </c>
      <c r="O32" s="1302">
        <v>0</v>
      </c>
      <c r="P32" s="918">
        <v>52</v>
      </c>
      <c r="Q32" s="918">
        <v>0</v>
      </c>
      <c r="R32" s="918">
        <v>0</v>
      </c>
      <c r="S32" s="918">
        <v>0</v>
      </c>
      <c r="T32" s="918">
        <v>0</v>
      </c>
      <c r="U32" s="918">
        <v>0</v>
      </c>
      <c r="V32" s="918">
        <v>0</v>
      </c>
      <c r="W32" s="1296">
        <v>81</v>
      </c>
      <c r="X32" s="1297">
        <v>1020</v>
      </c>
    </row>
    <row r="33" spans="1:24" s="902" customFormat="1" ht="21.75" customHeight="1" x14ac:dyDescent="0.15">
      <c r="A33" s="903" t="s">
        <v>11</v>
      </c>
      <c r="B33" s="917">
        <v>45</v>
      </c>
      <c r="C33" s="918">
        <v>29</v>
      </c>
      <c r="D33" s="918">
        <v>0</v>
      </c>
      <c r="E33" s="1295">
        <v>66</v>
      </c>
      <c r="F33" s="918">
        <v>356</v>
      </c>
      <c r="G33" s="1295">
        <v>40</v>
      </c>
      <c r="H33" s="918">
        <v>38</v>
      </c>
      <c r="I33" s="1296">
        <v>76</v>
      </c>
      <c r="J33" s="1296">
        <v>0</v>
      </c>
      <c r="K33" s="1296">
        <v>0</v>
      </c>
      <c r="L33" s="1296">
        <v>0</v>
      </c>
      <c r="M33" s="918">
        <v>0</v>
      </c>
      <c r="N33" s="1302">
        <v>0</v>
      </c>
      <c r="O33" s="1302">
        <v>0</v>
      </c>
      <c r="P33" s="918">
        <v>31</v>
      </c>
      <c r="Q33" s="918">
        <v>0</v>
      </c>
      <c r="R33" s="918">
        <v>0</v>
      </c>
      <c r="S33" s="918">
        <v>0</v>
      </c>
      <c r="T33" s="918">
        <v>0</v>
      </c>
      <c r="U33" s="918">
        <v>0</v>
      </c>
      <c r="V33" s="918">
        <v>0</v>
      </c>
      <c r="W33" s="1296">
        <v>4</v>
      </c>
      <c r="X33" s="1297">
        <v>685</v>
      </c>
    </row>
    <row r="34" spans="1:24" s="902" customFormat="1" ht="21.75" customHeight="1" x14ac:dyDescent="0.15">
      <c r="A34" s="903" t="s">
        <v>10</v>
      </c>
      <c r="B34" s="917">
        <v>58</v>
      </c>
      <c r="C34" s="918">
        <v>18</v>
      </c>
      <c r="D34" s="918">
        <v>0</v>
      </c>
      <c r="E34" s="1295">
        <v>53</v>
      </c>
      <c r="F34" s="918">
        <v>256</v>
      </c>
      <c r="G34" s="1295">
        <v>21</v>
      </c>
      <c r="H34" s="918">
        <v>35</v>
      </c>
      <c r="I34" s="1296">
        <v>70</v>
      </c>
      <c r="J34" s="1296">
        <v>0</v>
      </c>
      <c r="K34" s="1296">
        <v>0</v>
      </c>
      <c r="L34" s="1296">
        <v>0</v>
      </c>
      <c r="M34" s="918">
        <v>0</v>
      </c>
      <c r="N34" s="1296">
        <v>0</v>
      </c>
      <c r="O34" s="1296">
        <v>0</v>
      </c>
      <c r="P34" s="918">
        <v>0</v>
      </c>
      <c r="Q34" s="918">
        <v>0</v>
      </c>
      <c r="R34" s="918">
        <v>0</v>
      </c>
      <c r="S34" s="918">
        <v>5</v>
      </c>
      <c r="T34" s="918">
        <v>0</v>
      </c>
      <c r="U34" s="918">
        <v>0</v>
      </c>
      <c r="V34" s="918">
        <v>0</v>
      </c>
      <c r="W34" s="1296">
        <v>4</v>
      </c>
      <c r="X34" s="1297">
        <v>520</v>
      </c>
    </row>
    <row r="35" spans="1:24" s="902" customFormat="1" ht="21.75" customHeight="1" thickBot="1" x14ac:dyDescent="0.2">
      <c r="A35" s="924" t="s">
        <v>9</v>
      </c>
      <c r="B35" s="925">
        <v>17</v>
      </c>
      <c r="C35" s="926">
        <v>56</v>
      </c>
      <c r="D35" s="926">
        <v>0</v>
      </c>
      <c r="E35" s="1298">
        <v>88</v>
      </c>
      <c r="F35" s="926">
        <v>492</v>
      </c>
      <c r="G35" s="1298">
        <v>52</v>
      </c>
      <c r="H35" s="926">
        <v>51</v>
      </c>
      <c r="I35" s="1299">
        <v>140</v>
      </c>
      <c r="J35" s="1299">
        <v>562</v>
      </c>
      <c r="K35" s="1299">
        <v>0</v>
      </c>
      <c r="L35" s="1299">
        <v>0</v>
      </c>
      <c r="M35" s="926">
        <v>0</v>
      </c>
      <c r="N35" s="1308">
        <v>0</v>
      </c>
      <c r="O35" s="1308">
        <v>0</v>
      </c>
      <c r="P35" s="926">
        <v>0</v>
      </c>
      <c r="Q35" s="926">
        <v>0</v>
      </c>
      <c r="R35" s="926">
        <v>0</v>
      </c>
      <c r="S35" s="926">
        <v>7</v>
      </c>
      <c r="T35" s="926">
        <v>0</v>
      </c>
      <c r="U35" s="926">
        <v>0</v>
      </c>
      <c r="V35" s="926">
        <v>0</v>
      </c>
      <c r="W35" s="1299">
        <v>7</v>
      </c>
      <c r="X35" s="1300">
        <v>1472</v>
      </c>
    </row>
    <row r="36" spans="1:24" s="902" customFormat="1" ht="21.75" customHeight="1" x14ac:dyDescent="0.15">
      <c r="A36" s="888" t="s">
        <v>8</v>
      </c>
      <c r="B36" s="889">
        <v>166</v>
      </c>
      <c r="C36" s="937">
        <v>43</v>
      </c>
      <c r="D36" s="937">
        <v>0</v>
      </c>
      <c r="E36" s="1301">
        <v>133</v>
      </c>
      <c r="F36" s="937">
        <v>249</v>
      </c>
      <c r="G36" s="1301">
        <v>10</v>
      </c>
      <c r="H36" s="937">
        <v>35</v>
      </c>
      <c r="I36" s="1302">
        <v>52</v>
      </c>
      <c r="J36" s="1302">
        <v>0</v>
      </c>
      <c r="K36" s="1302">
        <v>0</v>
      </c>
      <c r="L36" s="1302">
        <v>0</v>
      </c>
      <c r="M36" s="937">
        <v>0</v>
      </c>
      <c r="N36" s="1302">
        <v>0</v>
      </c>
      <c r="O36" s="1302">
        <v>4</v>
      </c>
      <c r="P36" s="937">
        <v>0</v>
      </c>
      <c r="Q36" s="937">
        <v>0</v>
      </c>
      <c r="R36" s="937">
        <v>0</v>
      </c>
      <c r="S36" s="937">
        <v>0</v>
      </c>
      <c r="T36" s="937">
        <v>0</v>
      </c>
      <c r="U36" s="937">
        <v>362</v>
      </c>
      <c r="V36" s="937">
        <v>0</v>
      </c>
      <c r="W36" s="1302">
        <v>6</v>
      </c>
      <c r="X36" s="1303">
        <v>1060</v>
      </c>
    </row>
    <row r="37" spans="1:24" s="902" customFormat="1" ht="21.75" customHeight="1" x14ac:dyDescent="0.15">
      <c r="A37" s="903" t="s">
        <v>7</v>
      </c>
      <c r="B37" s="917">
        <v>56</v>
      </c>
      <c r="C37" s="918">
        <v>15</v>
      </c>
      <c r="D37" s="918">
        <v>0</v>
      </c>
      <c r="E37" s="1295">
        <v>50</v>
      </c>
      <c r="F37" s="918">
        <v>161</v>
      </c>
      <c r="G37" s="1295">
        <v>0</v>
      </c>
      <c r="H37" s="918">
        <v>11</v>
      </c>
      <c r="I37" s="1296">
        <v>0</v>
      </c>
      <c r="J37" s="1296">
        <v>0</v>
      </c>
      <c r="K37" s="1296">
        <v>0</v>
      </c>
      <c r="L37" s="1296">
        <v>0</v>
      </c>
      <c r="M37" s="918">
        <v>0</v>
      </c>
      <c r="N37" s="1302">
        <v>0</v>
      </c>
      <c r="O37" s="1302">
        <v>0</v>
      </c>
      <c r="P37" s="918">
        <v>0</v>
      </c>
      <c r="Q37" s="918">
        <v>0</v>
      </c>
      <c r="R37" s="918">
        <v>0</v>
      </c>
      <c r="S37" s="918">
        <v>0</v>
      </c>
      <c r="T37" s="918">
        <v>0</v>
      </c>
      <c r="U37" s="918">
        <v>0</v>
      </c>
      <c r="V37" s="918">
        <v>0</v>
      </c>
      <c r="W37" s="1296">
        <v>242</v>
      </c>
      <c r="X37" s="1297">
        <v>535</v>
      </c>
    </row>
    <row r="38" spans="1:24" s="902" customFormat="1" ht="21.75" customHeight="1" x14ac:dyDescent="0.15">
      <c r="A38" s="903" t="s">
        <v>6</v>
      </c>
      <c r="B38" s="917">
        <v>193</v>
      </c>
      <c r="C38" s="918">
        <v>43</v>
      </c>
      <c r="D38" s="918">
        <v>0</v>
      </c>
      <c r="E38" s="1295">
        <v>323</v>
      </c>
      <c r="F38" s="918">
        <v>534</v>
      </c>
      <c r="G38" s="1295">
        <v>1</v>
      </c>
      <c r="H38" s="918">
        <v>31</v>
      </c>
      <c r="I38" s="1296">
        <v>2</v>
      </c>
      <c r="J38" s="1296">
        <v>0</v>
      </c>
      <c r="K38" s="1296">
        <v>0</v>
      </c>
      <c r="L38" s="1296">
        <v>0</v>
      </c>
      <c r="M38" s="918">
        <v>0</v>
      </c>
      <c r="N38" s="1302">
        <v>3</v>
      </c>
      <c r="O38" s="1302">
        <v>0</v>
      </c>
      <c r="P38" s="918">
        <v>0</v>
      </c>
      <c r="Q38" s="918">
        <v>0</v>
      </c>
      <c r="R38" s="918">
        <v>0</v>
      </c>
      <c r="S38" s="918">
        <v>0</v>
      </c>
      <c r="T38" s="918">
        <v>0</v>
      </c>
      <c r="U38" s="918">
        <v>0</v>
      </c>
      <c r="V38" s="918">
        <v>0</v>
      </c>
      <c r="W38" s="1296">
        <v>945</v>
      </c>
      <c r="X38" s="1297">
        <v>2075</v>
      </c>
    </row>
    <row r="39" spans="1:24" s="902" customFormat="1" ht="21.75" customHeight="1" x14ac:dyDescent="0.15">
      <c r="A39" s="903" t="s">
        <v>5</v>
      </c>
      <c r="B39" s="917">
        <v>264</v>
      </c>
      <c r="C39" s="918">
        <v>87</v>
      </c>
      <c r="D39" s="918">
        <v>0</v>
      </c>
      <c r="E39" s="1295">
        <v>194</v>
      </c>
      <c r="F39" s="918">
        <v>683</v>
      </c>
      <c r="G39" s="1295">
        <v>209</v>
      </c>
      <c r="H39" s="918">
        <v>183</v>
      </c>
      <c r="I39" s="1296">
        <v>359</v>
      </c>
      <c r="J39" s="1296">
        <v>813</v>
      </c>
      <c r="K39" s="1296">
        <v>0</v>
      </c>
      <c r="L39" s="1296">
        <v>0</v>
      </c>
      <c r="M39" s="918">
        <v>0</v>
      </c>
      <c r="N39" s="1302">
        <v>1</v>
      </c>
      <c r="O39" s="1302">
        <v>0</v>
      </c>
      <c r="P39" s="918">
        <v>0</v>
      </c>
      <c r="Q39" s="918">
        <v>0</v>
      </c>
      <c r="R39" s="918">
        <v>0</v>
      </c>
      <c r="S39" s="918">
        <v>0</v>
      </c>
      <c r="T39" s="918">
        <v>0</v>
      </c>
      <c r="U39" s="918">
        <v>0</v>
      </c>
      <c r="V39" s="918">
        <v>0</v>
      </c>
      <c r="W39" s="1296">
        <v>65</v>
      </c>
      <c r="X39" s="1297">
        <v>2858</v>
      </c>
    </row>
    <row r="40" spans="1:24" s="902" customFormat="1" ht="21.75" customHeight="1" thickBot="1" x14ac:dyDescent="0.2">
      <c r="A40" s="924" t="s">
        <v>4</v>
      </c>
      <c r="B40" s="925">
        <v>1</v>
      </c>
      <c r="C40" s="926">
        <v>12</v>
      </c>
      <c r="D40" s="926">
        <v>0</v>
      </c>
      <c r="E40" s="1298">
        <v>21</v>
      </c>
      <c r="F40" s="926">
        <v>89</v>
      </c>
      <c r="G40" s="1298">
        <v>7</v>
      </c>
      <c r="H40" s="926">
        <v>10</v>
      </c>
      <c r="I40" s="1299">
        <v>27</v>
      </c>
      <c r="J40" s="1299">
        <v>49</v>
      </c>
      <c r="K40" s="1299">
        <v>0</v>
      </c>
      <c r="L40" s="1299">
        <v>0</v>
      </c>
      <c r="M40" s="926">
        <v>0</v>
      </c>
      <c r="N40" s="1302">
        <v>1</v>
      </c>
      <c r="O40" s="1302">
        <v>0</v>
      </c>
      <c r="P40" s="1302">
        <v>0</v>
      </c>
      <c r="Q40" s="1302">
        <v>0</v>
      </c>
      <c r="R40" s="1302">
        <v>0</v>
      </c>
      <c r="S40" s="1302">
        <v>0</v>
      </c>
      <c r="T40" s="1302">
        <v>0</v>
      </c>
      <c r="U40" s="1302">
        <v>0</v>
      </c>
      <c r="V40" s="926">
        <v>0</v>
      </c>
      <c r="W40" s="1299">
        <v>34</v>
      </c>
      <c r="X40" s="1300">
        <v>251</v>
      </c>
    </row>
    <row r="41" spans="1:24" s="902" customFormat="1" ht="21.75" customHeight="1" thickBot="1" x14ac:dyDescent="0.2">
      <c r="A41" s="962" t="s">
        <v>65</v>
      </c>
      <c r="B41" s="963">
        <v>1367</v>
      </c>
      <c r="C41" s="964">
        <v>616</v>
      </c>
      <c r="D41" s="964">
        <v>9</v>
      </c>
      <c r="E41" s="964">
        <v>1636</v>
      </c>
      <c r="F41" s="964">
        <v>6198</v>
      </c>
      <c r="G41" s="964">
        <v>942</v>
      </c>
      <c r="H41" s="964">
        <v>844</v>
      </c>
      <c r="I41" s="964">
        <v>2579</v>
      </c>
      <c r="J41" s="964">
        <v>3229</v>
      </c>
      <c r="K41" s="964" t="s">
        <v>184</v>
      </c>
      <c r="L41" s="964">
        <v>17</v>
      </c>
      <c r="M41" s="964" t="s">
        <v>184</v>
      </c>
      <c r="N41" s="964">
        <v>35</v>
      </c>
      <c r="O41" s="964">
        <v>10</v>
      </c>
      <c r="P41" s="964">
        <v>2331</v>
      </c>
      <c r="Q41" s="964" t="s">
        <v>184</v>
      </c>
      <c r="R41" s="964" t="s">
        <v>184</v>
      </c>
      <c r="S41" s="964">
        <v>156</v>
      </c>
      <c r="T41" s="964">
        <v>4</v>
      </c>
      <c r="U41" s="964">
        <v>412</v>
      </c>
      <c r="V41" s="964" t="s">
        <v>184</v>
      </c>
      <c r="W41" s="964">
        <v>2023</v>
      </c>
      <c r="X41" s="1307">
        <v>22408</v>
      </c>
    </row>
    <row r="42" spans="1:24" s="902" customFormat="1" ht="21.75" customHeight="1" thickBot="1" x14ac:dyDescent="0.2">
      <c r="A42" s="984" t="s">
        <v>148</v>
      </c>
      <c r="B42" s="985">
        <v>32482</v>
      </c>
      <c r="C42" s="986">
        <v>14156</v>
      </c>
      <c r="D42" s="986">
        <v>2053</v>
      </c>
      <c r="E42" s="1309">
        <v>42244</v>
      </c>
      <c r="F42" s="986">
        <v>83162</v>
      </c>
      <c r="G42" s="1309">
        <v>11467</v>
      </c>
      <c r="H42" s="986">
        <v>32481</v>
      </c>
      <c r="I42" s="986">
        <v>106499</v>
      </c>
      <c r="J42" s="986">
        <v>8494</v>
      </c>
      <c r="K42" s="986">
        <v>0</v>
      </c>
      <c r="L42" s="986">
        <v>1439</v>
      </c>
      <c r="M42" s="986">
        <v>17154</v>
      </c>
      <c r="N42" s="986">
        <v>215</v>
      </c>
      <c r="O42" s="986">
        <v>359</v>
      </c>
      <c r="P42" s="986">
        <v>31447</v>
      </c>
      <c r="Q42" s="986">
        <v>4304</v>
      </c>
      <c r="R42" s="986">
        <v>0</v>
      </c>
      <c r="S42" s="986">
        <v>3492</v>
      </c>
      <c r="T42" s="986">
        <v>947</v>
      </c>
      <c r="U42" s="986">
        <v>5004</v>
      </c>
      <c r="V42" s="986">
        <v>1149</v>
      </c>
      <c r="W42" s="986">
        <v>21948</v>
      </c>
      <c r="X42" s="1310">
        <v>420496</v>
      </c>
    </row>
    <row r="43" spans="1:24" s="997" customFormat="1" ht="15" customHeight="1" x14ac:dyDescent="0.15">
      <c r="A43" s="997" t="s">
        <v>452</v>
      </c>
      <c r="O43" s="287" t="s">
        <v>453</v>
      </c>
    </row>
    <row r="44" spans="1:24" ht="15" customHeight="1" x14ac:dyDescent="0.15">
      <c r="A44" s="997" t="s">
        <v>454</v>
      </c>
      <c r="O44" s="1920"/>
      <c r="P44" s="1920" t="s">
        <v>445</v>
      </c>
      <c r="Q44" s="1920" t="s">
        <v>446</v>
      </c>
      <c r="R44" s="1925" t="s">
        <v>447</v>
      </c>
      <c r="S44" s="1920" t="s">
        <v>448</v>
      </c>
      <c r="T44" s="1920" t="s">
        <v>449</v>
      </c>
      <c r="U44" s="1926" t="s">
        <v>455</v>
      </c>
      <c r="V44" s="1927" t="s">
        <v>456</v>
      </c>
      <c r="W44" s="1920" t="s">
        <v>230</v>
      </c>
    </row>
    <row r="45" spans="1:24" ht="16.5" customHeight="1" x14ac:dyDescent="0.15">
      <c r="O45" s="1920"/>
      <c r="P45" s="1920"/>
      <c r="Q45" s="1920"/>
      <c r="R45" s="1925"/>
      <c r="S45" s="1920"/>
      <c r="T45" s="1920"/>
      <c r="U45" s="1926"/>
      <c r="V45" s="1925"/>
      <c r="W45" s="1920"/>
    </row>
    <row r="46" spans="1:24" ht="16.5" customHeight="1" x14ac:dyDescent="0.15">
      <c r="O46" s="1311" t="s">
        <v>457</v>
      </c>
      <c r="P46" s="1312">
        <v>1874</v>
      </c>
      <c r="Q46" s="1312">
        <v>0</v>
      </c>
      <c r="R46" s="1312">
        <v>0</v>
      </c>
      <c r="S46" s="1312">
        <v>1103</v>
      </c>
      <c r="T46" s="1312">
        <v>0</v>
      </c>
      <c r="U46" s="1312">
        <v>1243</v>
      </c>
      <c r="V46" s="1312">
        <v>26</v>
      </c>
      <c r="W46" s="1033">
        <v>4246</v>
      </c>
    </row>
    <row r="47" spans="1:24" ht="16.5" customHeight="1" x14ac:dyDescent="0.15">
      <c r="O47" s="1595" t="s">
        <v>458</v>
      </c>
      <c r="P47" s="1313">
        <v>29573</v>
      </c>
      <c r="Q47" s="1313">
        <v>4304</v>
      </c>
      <c r="R47" s="1313">
        <v>0</v>
      </c>
      <c r="S47" s="1313">
        <v>2389</v>
      </c>
      <c r="T47" s="1313">
        <v>947</v>
      </c>
      <c r="U47" s="1313">
        <v>3761</v>
      </c>
      <c r="V47" s="1313">
        <v>1123</v>
      </c>
      <c r="W47" s="1043">
        <v>42097</v>
      </c>
    </row>
    <row r="48" spans="1:24" ht="16.5" customHeight="1" x14ac:dyDescent="0.15">
      <c r="O48" s="1595" t="s">
        <v>230</v>
      </c>
      <c r="P48" s="1043">
        <v>31447</v>
      </c>
      <c r="Q48" s="1043">
        <v>4304</v>
      </c>
      <c r="R48" s="1043">
        <v>0</v>
      </c>
      <c r="S48" s="1043">
        <v>3492</v>
      </c>
      <c r="T48" s="1043">
        <v>947</v>
      </c>
      <c r="U48" s="1043">
        <v>5004</v>
      </c>
      <c r="V48" s="1043">
        <v>1149</v>
      </c>
      <c r="W48" s="1043">
        <v>46343</v>
      </c>
    </row>
    <row r="49" s="287" customFormat="1" ht="16.5" customHeight="1" x14ac:dyDescent="0.15"/>
    <row r="50" s="287" customFormat="1" ht="16.5" customHeight="1" x14ac:dyDescent="0.15"/>
    <row r="51" s="287" customFormat="1" ht="16.5" customHeight="1" x14ac:dyDescent="0.15"/>
    <row r="52" s="287" customFormat="1" ht="16.5" customHeight="1" x14ac:dyDescent="0.15"/>
    <row r="53" s="287" customFormat="1" ht="16.5" customHeight="1" x14ac:dyDescent="0.15"/>
    <row r="54" s="287" customFormat="1" ht="16.5" customHeight="1" x14ac:dyDescent="0.15"/>
    <row r="55" s="287" customFormat="1" ht="16.5" customHeight="1" x14ac:dyDescent="0.15"/>
    <row r="56" s="287" customFormat="1" ht="16.5" customHeight="1" x14ac:dyDescent="0.15"/>
    <row r="57" s="287" customFormat="1" ht="16.5" customHeight="1" x14ac:dyDescent="0.15"/>
    <row r="58" s="287" customFormat="1" ht="16.5" customHeight="1" x14ac:dyDescent="0.15"/>
    <row r="59" s="287" customFormat="1" ht="16.5" customHeight="1" x14ac:dyDescent="0.15"/>
    <row r="60" s="287" customFormat="1" ht="16.5" customHeight="1" x14ac:dyDescent="0.15"/>
    <row r="61" s="287" customFormat="1" ht="16.5" customHeight="1" x14ac:dyDescent="0.15"/>
    <row r="62" s="287" customFormat="1" ht="16.5" customHeight="1" x14ac:dyDescent="0.15"/>
    <row r="63" s="287" customFormat="1" ht="16.5" customHeight="1" x14ac:dyDescent="0.15"/>
    <row r="64" s="287" customFormat="1" ht="16.5" customHeight="1" x14ac:dyDescent="0.15"/>
    <row r="65" s="287" customFormat="1" ht="16.5" customHeight="1" x14ac:dyDescent="0.15"/>
    <row r="66" s="287" customFormat="1" ht="16.5" customHeight="1" x14ac:dyDescent="0.15"/>
    <row r="67" s="287" customFormat="1" ht="16.5" customHeight="1" x14ac:dyDescent="0.15"/>
    <row r="68" s="287" customFormat="1" ht="16.5" customHeight="1" x14ac:dyDescent="0.15"/>
    <row r="69" s="287" customFormat="1" ht="16.5" customHeight="1" x14ac:dyDescent="0.15"/>
    <row r="70" s="287" customFormat="1" ht="16.5" customHeight="1" x14ac:dyDescent="0.15"/>
    <row r="71" s="287" customFormat="1" ht="16.5" customHeight="1" x14ac:dyDescent="0.15"/>
    <row r="72" s="287" customFormat="1" ht="16.5" customHeight="1" x14ac:dyDescent="0.15"/>
    <row r="73" s="287" customFormat="1" ht="16.5" customHeight="1" x14ac:dyDescent="0.15"/>
    <row r="74" s="287" customFormat="1" ht="16.5" customHeight="1" x14ac:dyDescent="0.15"/>
    <row r="75" s="287" customFormat="1" ht="16.5" customHeight="1" x14ac:dyDescent="0.15"/>
    <row r="76" s="287" customFormat="1" ht="16.5" customHeight="1" x14ac:dyDescent="0.15"/>
    <row r="77" s="287" customFormat="1" ht="16.5" customHeight="1" x14ac:dyDescent="0.15"/>
    <row r="78" s="287" customFormat="1" ht="16.5" customHeight="1" x14ac:dyDescent="0.15"/>
    <row r="79" s="287" customFormat="1" ht="16.5" customHeight="1" x14ac:dyDescent="0.15"/>
    <row r="80" s="287" customFormat="1" ht="16.5" customHeight="1" x14ac:dyDescent="0.15"/>
    <row r="81" s="287" customFormat="1" ht="16.5" customHeight="1" x14ac:dyDescent="0.15"/>
    <row r="82" s="287" customFormat="1" ht="16.5" customHeight="1" x14ac:dyDescent="0.15"/>
    <row r="83" s="287" customFormat="1" ht="16.5" customHeight="1" x14ac:dyDescent="0.15"/>
    <row r="84" s="287" customFormat="1" ht="16.5" customHeight="1" x14ac:dyDescent="0.15"/>
    <row r="85" s="287" customFormat="1" ht="16.5" customHeight="1" x14ac:dyDescent="0.15"/>
    <row r="86" s="287" customFormat="1" ht="16.5" customHeight="1" x14ac:dyDescent="0.15"/>
    <row r="87" s="287" customFormat="1" ht="16.5" customHeight="1" x14ac:dyDescent="0.15"/>
    <row r="88" s="287" customFormat="1" ht="16.5" customHeight="1" x14ac:dyDescent="0.15"/>
    <row r="89" s="287" customFormat="1" ht="16.5" customHeight="1" x14ac:dyDescent="0.15"/>
    <row r="90" s="287" customFormat="1" ht="16.5" customHeight="1" x14ac:dyDescent="0.15"/>
    <row r="91" s="287" customFormat="1" ht="16.5" customHeight="1" x14ac:dyDescent="0.15"/>
    <row r="92" s="287" customFormat="1" ht="16.5" customHeight="1" x14ac:dyDescent="0.15"/>
    <row r="93" s="287" customFormat="1" ht="16.5" customHeight="1" x14ac:dyDescent="0.15"/>
    <row r="94" s="287" customFormat="1" ht="16.5" customHeight="1" x14ac:dyDescent="0.15"/>
    <row r="95" s="287" customFormat="1" ht="16.5" customHeight="1" x14ac:dyDescent="0.15"/>
    <row r="96" s="287" customFormat="1" ht="16.5" customHeight="1" x14ac:dyDescent="0.15"/>
    <row r="97" s="287" customFormat="1" ht="16.5" customHeight="1" x14ac:dyDescent="0.15"/>
    <row r="98" s="287" customFormat="1" ht="16.5" customHeight="1" x14ac:dyDescent="0.15"/>
    <row r="99" s="287" customFormat="1" ht="16.5" customHeight="1" x14ac:dyDescent="0.15"/>
    <row r="100" s="287" customFormat="1" ht="16.5" customHeight="1" x14ac:dyDescent="0.15"/>
    <row r="101" s="287" customFormat="1" ht="16.5" customHeight="1" x14ac:dyDescent="0.15"/>
    <row r="102" s="287" customFormat="1" ht="16.5" customHeight="1" x14ac:dyDescent="0.15"/>
    <row r="103" s="287" customFormat="1" ht="16.5" customHeight="1" x14ac:dyDescent="0.15"/>
    <row r="104" s="287" customFormat="1" ht="16.5" customHeight="1" x14ac:dyDescent="0.15"/>
    <row r="105" s="287" customFormat="1" ht="16.5" customHeight="1" x14ac:dyDescent="0.15"/>
    <row r="106" s="287" customFormat="1" ht="16.5" customHeight="1" x14ac:dyDescent="0.15"/>
    <row r="107" s="287" customFormat="1" ht="16.5" customHeight="1" x14ac:dyDescent="0.15"/>
    <row r="108" s="287" customFormat="1" ht="16.5" customHeight="1" x14ac:dyDescent="0.15"/>
    <row r="109" s="287" customFormat="1" ht="16.5" customHeight="1" x14ac:dyDescent="0.15"/>
    <row r="110" s="287" customFormat="1" ht="16.5" customHeight="1" x14ac:dyDescent="0.15"/>
    <row r="111" s="287" customFormat="1" ht="16.5" customHeight="1" x14ac:dyDescent="0.15"/>
    <row r="112" s="287" customFormat="1" ht="16.5" customHeight="1" x14ac:dyDescent="0.15"/>
  </sheetData>
  <mergeCells count="27">
    <mergeCell ref="W44:W45"/>
    <mergeCell ref="W5:W6"/>
    <mergeCell ref="X5:X6"/>
    <mergeCell ref="O44:O45"/>
    <mergeCell ref="P44:P45"/>
    <mergeCell ref="Q44:Q45"/>
    <mergeCell ref="R44:R45"/>
    <mergeCell ref="S44:S45"/>
    <mergeCell ref="T44:T45"/>
    <mergeCell ref="U44:U45"/>
    <mergeCell ref="V44:V45"/>
    <mergeCell ref="J5:J6"/>
    <mergeCell ref="K5:K6"/>
    <mergeCell ref="L5:L6"/>
    <mergeCell ref="M5:M6"/>
    <mergeCell ref="N5:O5"/>
    <mergeCell ref="P5:V5"/>
    <mergeCell ref="C4:J4"/>
    <mergeCell ref="P4:T4"/>
    <mergeCell ref="B5:B6"/>
    <mergeCell ref="C5:C6"/>
    <mergeCell ref="D5:D6"/>
    <mergeCell ref="E5:E6"/>
    <mergeCell ref="F5:F6"/>
    <mergeCell ref="G5:G6"/>
    <mergeCell ref="H5:H6"/>
    <mergeCell ref="I5:I6"/>
  </mergeCells>
  <phoneticPr fontId="3"/>
  <conditionalFormatting sqref="B7:X42">
    <cfRule type="cellIs" dxfId="11" priority="2" operator="equal">
      <formula>0</formula>
    </cfRule>
  </conditionalFormatting>
  <conditionalFormatting sqref="P46:W48">
    <cfRule type="cellIs" dxfId="10" priority="1" operator="equal">
      <formula>0</formula>
    </cfRule>
  </conditionalFormatting>
  <pageMargins left="0.59055118110236227" right="0.59055118110236227" top="0.78740157480314965" bottom="0.78740157480314965" header="0.51181102362204722" footer="0.39370078740157483"/>
  <pageSetup paperSize="9" scale="80" orientation="portrait"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928BB7-0A4A-4383-A9D5-F9CED09B7626}">
  <dimension ref="A1:X44"/>
  <sheetViews>
    <sheetView tabSelected="1" topLeftCell="A2" zoomScaleNormal="100" zoomScaleSheetLayoutView="100" workbookViewId="0">
      <pane xSplit="1" ySplit="5" topLeftCell="B7" activePane="bottomRight" state="frozen"/>
      <selection activeCell="Y11" sqref="Y11"/>
      <selection pane="topRight" activeCell="Y11" sqref="Y11"/>
      <selection pane="bottomLeft" activeCell="Y11" sqref="Y11"/>
      <selection pane="bottomRight" activeCell="H11" sqref="H11"/>
    </sheetView>
  </sheetViews>
  <sheetFormatPr defaultColWidth="9" defaultRowHeight="14.25" x14ac:dyDescent="0.15"/>
  <cols>
    <col min="1" max="1" width="12.625" style="81" customWidth="1"/>
    <col min="2" max="10" width="8.375" style="287" customWidth="1"/>
    <col min="11" max="11" width="8.375" style="287" hidden="1" customWidth="1"/>
    <col min="12" max="24" width="8.375" style="287" customWidth="1"/>
    <col min="25" max="16384" width="9" style="1314"/>
  </cols>
  <sheetData>
    <row r="1" spans="1:24" ht="16.5" customHeight="1" x14ac:dyDescent="0.15">
      <c r="N1" s="1281"/>
      <c r="O1" s="1281"/>
      <c r="P1" s="902"/>
      <c r="Q1" s="902"/>
      <c r="R1" s="902"/>
      <c r="S1" s="902"/>
      <c r="T1" s="902"/>
      <c r="U1" s="902"/>
      <c r="V1" s="902"/>
      <c r="W1" s="902"/>
      <c r="X1" s="1281"/>
    </row>
    <row r="2" spans="1:24" ht="9" customHeight="1" x14ac:dyDescent="0.15">
      <c r="N2" s="1287"/>
      <c r="O2" s="1287"/>
      <c r="P2" s="1315"/>
      <c r="Q2" s="1315"/>
      <c r="R2" s="1315"/>
      <c r="S2" s="1315"/>
      <c r="T2" s="1315"/>
      <c r="U2" s="1315"/>
      <c r="V2" s="1315"/>
      <c r="W2" s="902"/>
      <c r="X2" s="1316"/>
    </row>
    <row r="3" spans="1:24" ht="16.5" customHeight="1" thickBot="1" x14ac:dyDescent="0.2">
      <c r="A3" s="867" t="s">
        <v>459</v>
      </c>
      <c r="B3" s="142"/>
      <c r="C3" s="142"/>
      <c r="D3" s="142"/>
      <c r="E3" s="142"/>
      <c r="F3" s="142"/>
      <c r="G3" s="142"/>
      <c r="H3" s="142"/>
      <c r="I3" s="142"/>
      <c r="J3" s="142"/>
      <c r="K3" s="142"/>
      <c r="L3" s="142"/>
      <c r="M3" s="142"/>
      <c r="N3" s="142"/>
      <c r="O3" s="142"/>
      <c r="P3" s="142"/>
      <c r="Q3" s="142"/>
      <c r="R3" s="142"/>
      <c r="S3" s="142"/>
      <c r="T3" s="142"/>
      <c r="U3" s="142"/>
      <c r="V3" s="142"/>
      <c r="W3" s="142"/>
      <c r="X3" s="142"/>
    </row>
    <row r="4" spans="1:24" ht="19.5" customHeight="1" x14ac:dyDescent="0.15">
      <c r="A4" s="868"/>
      <c r="B4" s="1317"/>
      <c r="C4" s="1941" t="s">
        <v>460</v>
      </c>
      <c r="D4" s="1941"/>
      <c r="E4" s="1941"/>
      <c r="F4" s="1941"/>
      <c r="G4" s="1941"/>
      <c r="H4" s="1941"/>
      <c r="I4" s="1941"/>
      <c r="J4" s="1941"/>
      <c r="K4" s="1941"/>
      <c r="L4" s="1941"/>
      <c r="M4" s="1278"/>
      <c r="N4" s="1278"/>
      <c r="O4" s="1941" t="s">
        <v>460</v>
      </c>
      <c r="P4" s="1941"/>
      <c r="Q4" s="1941"/>
      <c r="R4" s="1941"/>
      <c r="S4" s="1941"/>
      <c r="T4" s="1941"/>
      <c r="U4" s="1318"/>
      <c r="V4" s="1318"/>
      <c r="W4" s="1278"/>
      <c r="X4" s="872"/>
    </row>
    <row r="5" spans="1:24" ht="19.5" customHeight="1" x14ac:dyDescent="0.15">
      <c r="A5" s="878" t="s">
        <v>337</v>
      </c>
      <c r="B5" s="1932" t="s">
        <v>430</v>
      </c>
      <c r="C5" s="1921" t="s">
        <v>431</v>
      </c>
      <c r="D5" s="1921" t="s">
        <v>432</v>
      </c>
      <c r="E5" s="1921" t="s">
        <v>433</v>
      </c>
      <c r="F5" s="1921" t="s">
        <v>434</v>
      </c>
      <c r="G5" s="1921" t="s">
        <v>248</v>
      </c>
      <c r="H5" s="1934" t="s">
        <v>249</v>
      </c>
      <c r="I5" s="1934" t="s">
        <v>461</v>
      </c>
      <c r="J5" s="1921" t="s">
        <v>437</v>
      </c>
      <c r="K5" s="1921" t="s">
        <v>438</v>
      </c>
      <c r="L5" s="1936" t="s">
        <v>439</v>
      </c>
      <c r="M5" s="1921" t="s">
        <v>440</v>
      </c>
      <c r="N5" s="1937" t="s">
        <v>247</v>
      </c>
      <c r="O5" s="1938"/>
      <c r="P5" s="1928" t="s">
        <v>441</v>
      </c>
      <c r="Q5" s="1929"/>
      <c r="R5" s="1929"/>
      <c r="S5" s="1929"/>
      <c r="T5" s="1929"/>
      <c r="U5" s="1929"/>
      <c r="V5" s="1930"/>
      <c r="W5" s="1921" t="s">
        <v>231</v>
      </c>
      <c r="X5" s="1923" t="s">
        <v>442</v>
      </c>
    </row>
    <row r="6" spans="1:24" ht="19.5" customHeight="1" thickBot="1" x14ac:dyDescent="0.2">
      <c r="A6" s="884"/>
      <c r="B6" s="1933"/>
      <c r="C6" s="1922"/>
      <c r="D6" s="1922"/>
      <c r="E6" s="1922"/>
      <c r="F6" s="1922"/>
      <c r="G6" s="1922"/>
      <c r="H6" s="1935"/>
      <c r="I6" s="1935"/>
      <c r="J6" s="1922"/>
      <c r="K6" s="1922"/>
      <c r="L6" s="1940"/>
      <c r="M6" s="1922"/>
      <c r="N6" s="1282" t="s">
        <v>443</v>
      </c>
      <c r="O6" s="1319" t="s">
        <v>444</v>
      </c>
      <c r="P6" s="1283" t="s">
        <v>445</v>
      </c>
      <c r="Q6" s="1283" t="s">
        <v>446</v>
      </c>
      <c r="R6" s="1284" t="s">
        <v>447</v>
      </c>
      <c r="S6" s="1283" t="s">
        <v>448</v>
      </c>
      <c r="T6" s="1283" t="s">
        <v>449</v>
      </c>
      <c r="U6" s="1285" t="s">
        <v>450</v>
      </c>
      <c r="V6" s="1320" t="s">
        <v>451</v>
      </c>
      <c r="W6" s="1922"/>
      <c r="X6" s="1939"/>
    </row>
    <row r="7" spans="1:24" ht="21.75" customHeight="1" x14ac:dyDescent="0.15">
      <c r="A7" s="888" t="s">
        <v>37</v>
      </c>
      <c r="B7" s="1321">
        <v>387907</v>
      </c>
      <c r="C7" s="890">
        <v>1526819</v>
      </c>
      <c r="D7" s="1288">
        <v>0</v>
      </c>
      <c r="E7" s="890">
        <v>1829</v>
      </c>
      <c r="F7" s="1288">
        <v>1375</v>
      </c>
      <c r="G7" s="890">
        <v>27502</v>
      </c>
      <c r="H7" s="1288">
        <v>822066</v>
      </c>
      <c r="I7" s="890">
        <v>0</v>
      </c>
      <c r="J7" s="1289">
        <v>0</v>
      </c>
      <c r="K7" s="1289" t="s">
        <v>184</v>
      </c>
      <c r="L7" s="890">
        <v>0</v>
      </c>
      <c r="M7" s="890">
        <v>0</v>
      </c>
      <c r="N7" s="890">
        <v>0</v>
      </c>
      <c r="O7" s="1289">
        <v>0</v>
      </c>
      <c r="P7" s="1289">
        <v>0</v>
      </c>
      <c r="Q7" s="1289">
        <v>0</v>
      </c>
      <c r="R7" s="1289">
        <v>0</v>
      </c>
      <c r="S7" s="1289">
        <v>0</v>
      </c>
      <c r="T7" s="1289">
        <v>0</v>
      </c>
      <c r="U7" s="1289">
        <v>0</v>
      </c>
      <c r="V7" s="1289">
        <v>0</v>
      </c>
      <c r="W7" s="890">
        <v>28077</v>
      </c>
      <c r="X7" s="1292">
        <v>2795575</v>
      </c>
    </row>
    <row r="8" spans="1:24" ht="21.75" customHeight="1" x14ac:dyDescent="0.15">
      <c r="A8" s="903" t="s">
        <v>36</v>
      </c>
      <c r="B8" s="917">
        <v>156668</v>
      </c>
      <c r="C8" s="918">
        <v>748076</v>
      </c>
      <c r="D8" s="1295">
        <v>271</v>
      </c>
      <c r="E8" s="918">
        <v>1056</v>
      </c>
      <c r="F8" s="1295">
        <v>19690</v>
      </c>
      <c r="G8" s="918">
        <v>4870</v>
      </c>
      <c r="H8" s="1295">
        <v>385101</v>
      </c>
      <c r="I8" s="918">
        <v>0</v>
      </c>
      <c r="J8" s="1296">
        <v>0</v>
      </c>
      <c r="K8" s="1296" t="s">
        <v>184</v>
      </c>
      <c r="L8" s="918">
        <v>0</v>
      </c>
      <c r="M8" s="918">
        <v>0</v>
      </c>
      <c r="N8" s="918">
        <v>0</v>
      </c>
      <c r="O8" s="1296">
        <v>0</v>
      </c>
      <c r="P8" s="1296">
        <v>0</v>
      </c>
      <c r="Q8" s="1296">
        <v>0</v>
      </c>
      <c r="R8" s="1296">
        <v>0</v>
      </c>
      <c r="S8" s="1296">
        <v>14368</v>
      </c>
      <c r="T8" s="1296">
        <v>0</v>
      </c>
      <c r="U8" s="1296">
        <v>0</v>
      </c>
      <c r="V8" s="1296">
        <v>0</v>
      </c>
      <c r="W8" s="918">
        <v>2307</v>
      </c>
      <c r="X8" s="1297">
        <v>1332407</v>
      </c>
    </row>
    <row r="9" spans="1:24" ht="21.75" customHeight="1" x14ac:dyDescent="0.15">
      <c r="A9" s="903" t="s">
        <v>35</v>
      </c>
      <c r="B9" s="917">
        <v>14628</v>
      </c>
      <c r="C9" s="918">
        <v>316918</v>
      </c>
      <c r="D9" s="1295">
        <v>310</v>
      </c>
      <c r="E9" s="918">
        <v>0</v>
      </c>
      <c r="F9" s="1295">
        <v>346746</v>
      </c>
      <c r="G9" s="918">
        <v>160587</v>
      </c>
      <c r="H9" s="1295">
        <v>119094</v>
      </c>
      <c r="I9" s="918">
        <v>0</v>
      </c>
      <c r="J9" s="1296">
        <v>0</v>
      </c>
      <c r="K9" s="1296" t="s">
        <v>184</v>
      </c>
      <c r="L9" s="918">
        <v>0</v>
      </c>
      <c r="M9" s="918">
        <v>0</v>
      </c>
      <c r="N9" s="918">
        <v>0</v>
      </c>
      <c r="O9" s="1296">
        <v>8581</v>
      </c>
      <c r="P9" s="1296">
        <v>187</v>
      </c>
      <c r="Q9" s="1296">
        <v>0</v>
      </c>
      <c r="R9" s="1296">
        <v>0</v>
      </c>
      <c r="S9" s="1296">
        <v>5655</v>
      </c>
      <c r="T9" s="1296">
        <v>0</v>
      </c>
      <c r="U9" s="1296">
        <v>0</v>
      </c>
      <c r="V9" s="1296">
        <v>0</v>
      </c>
      <c r="W9" s="918">
        <v>10748</v>
      </c>
      <c r="X9" s="1297">
        <v>983454</v>
      </c>
    </row>
    <row r="10" spans="1:24" ht="21.75" customHeight="1" x14ac:dyDescent="0.15">
      <c r="A10" s="903" t="s">
        <v>34</v>
      </c>
      <c r="B10" s="917">
        <v>31093</v>
      </c>
      <c r="C10" s="918">
        <v>220491</v>
      </c>
      <c r="D10" s="1295">
        <v>0</v>
      </c>
      <c r="E10" s="918">
        <v>385</v>
      </c>
      <c r="F10" s="1295">
        <v>0</v>
      </c>
      <c r="G10" s="918">
        <v>0</v>
      </c>
      <c r="H10" s="1295">
        <v>13274</v>
      </c>
      <c r="I10" s="918">
        <v>0</v>
      </c>
      <c r="J10" s="1296">
        <v>0</v>
      </c>
      <c r="K10" s="1296" t="s">
        <v>184</v>
      </c>
      <c r="L10" s="918">
        <v>0</v>
      </c>
      <c r="M10" s="918">
        <v>0</v>
      </c>
      <c r="N10" s="918">
        <v>0</v>
      </c>
      <c r="O10" s="1296">
        <v>0</v>
      </c>
      <c r="P10" s="1296">
        <v>0</v>
      </c>
      <c r="Q10" s="1296">
        <v>0</v>
      </c>
      <c r="R10" s="1296">
        <v>0</v>
      </c>
      <c r="S10" s="1296">
        <v>0</v>
      </c>
      <c r="T10" s="1296">
        <v>0</v>
      </c>
      <c r="U10" s="1296">
        <v>0</v>
      </c>
      <c r="V10" s="1296">
        <v>0</v>
      </c>
      <c r="W10" s="918">
        <v>0</v>
      </c>
      <c r="X10" s="1297">
        <v>265243</v>
      </c>
    </row>
    <row r="11" spans="1:24" ht="21.75" customHeight="1" thickBot="1" x14ac:dyDescent="0.2">
      <c r="A11" s="924" t="s">
        <v>33</v>
      </c>
      <c r="B11" s="925">
        <v>15960</v>
      </c>
      <c r="C11" s="926">
        <v>114081</v>
      </c>
      <c r="D11" s="1298">
        <v>175</v>
      </c>
      <c r="E11" s="926">
        <v>0</v>
      </c>
      <c r="F11" s="1298">
        <v>38918</v>
      </c>
      <c r="G11" s="926">
        <v>6118</v>
      </c>
      <c r="H11" s="1298">
        <v>75056</v>
      </c>
      <c r="I11" s="926">
        <v>0</v>
      </c>
      <c r="J11" s="1299">
        <v>0</v>
      </c>
      <c r="K11" s="1299" t="s">
        <v>184</v>
      </c>
      <c r="L11" s="926">
        <v>0</v>
      </c>
      <c r="M11" s="926">
        <v>0</v>
      </c>
      <c r="N11" s="926">
        <v>0</v>
      </c>
      <c r="O11" s="1299">
        <v>4576</v>
      </c>
      <c r="P11" s="1299">
        <v>0</v>
      </c>
      <c r="Q11" s="1299">
        <v>0</v>
      </c>
      <c r="R11" s="1299">
        <v>0</v>
      </c>
      <c r="S11" s="1299">
        <v>0</v>
      </c>
      <c r="T11" s="1299">
        <v>0</v>
      </c>
      <c r="U11" s="1299">
        <v>0</v>
      </c>
      <c r="V11" s="1299">
        <v>0</v>
      </c>
      <c r="W11" s="926">
        <v>0</v>
      </c>
      <c r="X11" s="1300">
        <v>254884</v>
      </c>
    </row>
    <row r="12" spans="1:24" ht="21.75" customHeight="1" x14ac:dyDescent="0.15">
      <c r="A12" s="888" t="s">
        <v>32</v>
      </c>
      <c r="B12" s="1321">
        <v>54567</v>
      </c>
      <c r="C12" s="890">
        <v>8022</v>
      </c>
      <c r="D12" s="1288">
        <v>25</v>
      </c>
      <c r="E12" s="890">
        <v>0</v>
      </c>
      <c r="F12" s="1288">
        <v>18615</v>
      </c>
      <c r="G12" s="890">
        <v>3208</v>
      </c>
      <c r="H12" s="1288">
        <v>49467</v>
      </c>
      <c r="I12" s="890">
        <v>0</v>
      </c>
      <c r="J12" s="1289">
        <v>0</v>
      </c>
      <c r="K12" s="1289" t="s">
        <v>184</v>
      </c>
      <c r="L12" s="890">
        <v>0</v>
      </c>
      <c r="M12" s="890">
        <v>0</v>
      </c>
      <c r="N12" s="890">
        <v>0</v>
      </c>
      <c r="O12" s="1289">
        <v>2739</v>
      </c>
      <c r="P12" s="1289">
        <v>0</v>
      </c>
      <c r="Q12" s="1289">
        <v>0</v>
      </c>
      <c r="R12" s="1289">
        <v>0</v>
      </c>
      <c r="S12" s="1289">
        <v>0</v>
      </c>
      <c r="T12" s="1289">
        <v>0</v>
      </c>
      <c r="U12" s="1289">
        <v>0</v>
      </c>
      <c r="V12" s="1289">
        <v>0</v>
      </c>
      <c r="W12" s="890">
        <v>225</v>
      </c>
      <c r="X12" s="1292">
        <v>136868</v>
      </c>
    </row>
    <row r="13" spans="1:24" ht="21.75" customHeight="1" x14ac:dyDescent="0.15">
      <c r="A13" s="903" t="s">
        <v>31</v>
      </c>
      <c r="B13" s="917">
        <v>10503</v>
      </c>
      <c r="C13" s="918">
        <v>7</v>
      </c>
      <c r="D13" s="1295">
        <v>0</v>
      </c>
      <c r="E13" s="918">
        <v>0</v>
      </c>
      <c r="F13" s="1295">
        <v>0</v>
      </c>
      <c r="G13" s="918">
        <v>0</v>
      </c>
      <c r="H13" s="1295">
        <v>64324</v>
      </c>
      <c r="I13" s="918">
        <v>0</v>
      </c>
      <c r="J13" s="1296">
        <v>0</v>
      </c>
      <c r="K13" s="1296" t="s">
        <v>184</v>
      </c>
      <c r="L13" s="918">
        <v>0</v>
      </c>
      <c r="M13" s="918">
        <v>0</v>
      </c>
      <c r="N13" s="918">
        <v>0</v>
      </c>
      <c r="O13" s="1296">
        <v>0</v>
      </c>
      <c r="P13" s="1296">
        <v>0</v>
      </c>
      <c r="Q13" s="1296">
        <v>0</v>
      </c>
      <c r="R13" s="1296">
        <v>0</v>
      </c>
      <c r="S13" s="1296">
        <v>0</v>
      </c>
      <c r="T13" s="1296">
        <v>0</v>
      </c>
      <c r="U13" s="1296">
        <v>0</v>
      </c>
      <c r="V13" s="1296">
        <v>0</v>
      </c>
      <c r="W13" s="918">
        <v>4587</v>
      </c>
      <c r="X13" s="1297">
        <v>79421</v>
      </c>
    </row>
    <row r="14" spans="1:24" ht="21.75" customHeight="1" x14ac:dyDescent="0.15">
      <c r="A14" s="903" t="s">
        <v>30</v>
      </c>
      <c r="B14" s="917">
        <v>14258</v>
      </c>
      <c r="C14" s="918">
        <v>56495</v>
      </c>
      <c r="D14" s="1295">
        <v>6</v>
      </c>
      <c r="E14" s="918">
        <v>0</v>
      </c>
      <c r="F14" s="1295">
        <v>0</v>
      </c>
      <c r="G14" s="918">
        <v>0</v>
      </c>
      <c r="H14" s="1295">
        <v>25479</v>
      </c>
      <c r="I14" s="918">
        <v>0</v>
      </c>
      <c r="J14" s="1296">
        <v>0</v>
      </c>
      <c r="K14" s="1296" t="s">
        <v>184</v>
      </c>
      <c r="L14" s="918">
        <v>0</v>
      </c>
      <c r="M14" s="918">
        <v>0</v>
      </c>
      <c r="N14" s="918">
        <v>946</v>
      </c>
      <c r="O14" s="1296">
        <v>0</v>
      </c>
      <c r="P14" s="1296">
        <v>0</v>
      </c>
      <c r="Q14" s="1296">
        <v>0</v>
      </c>
      <c r="R14" s="1296">
        <v>0</v>
      </c>
      <c r="S14" s="1296">
        <v>0</v>
      </c>
      <c r="T14" s="1296">
        <v>0</v>
      </c>
      <c r="U14" s="1296">
        <v>0</v>
      </c>
      <c r="V14" s="1296">
        <v>0</v>
      </c>
      <c r="W14" s="918">
        <v>207</v>
      </c>
      <c r="X14" s="1297">
        <v>97391</v>
      </c>
    </row>
    <row r="15" spans="1:24" ht="21.75" customHeight="1" x14ac:dyDescent="0.15">
      <c r="A15" s="903" t="s">
        <v>29</v>
      </c>
      <c r="B15" s="917">
        <v>23565</v>
      </c>
      <c r="C15" s="918">
        <v>123673</v>
      </c>
      <c r="D15" s="1295">
        <v>0</v>
      </c>
      <c r="E15" s="918">
        <v>0</v>
      </c>
      <c r="F15" s="1295">
        <v>30639</v>
      </c>
      <c r="G15" s="918">
        <v>47306</v>
      </c>
      <c r="H15" s="1295">
        <v>56927</v>
      </c>
      <c r="I15" s="918">
        <v>0</v>
      </c>
      <c r="J15" s="1296">
        <v>0</v>
      </c>
      <c r="K15" s="1296" t="s">
        <v>184</v>
      </c>
      <c r="L15" s="918">
        <v>0</v>
      </c>
      <c r="M15" s="918">
        <v>0</v>
      </c>
      <c r="N15" s="918">
        <v>4521</v>
      </c>
      <c r="O15" s="1296">
        <v>0</v>
      </c>
      <c r="P15" s="1296">
        <v>0</v>
      </c>
      <c r="Q15" s="1296">
        <v>0</v>
      </c>
      <c r="R15" s="1296">
        <v>0</v>
      </c>
      <c r="S15" s="1296">
        <v>0</v>
      </c>
      <c r="T15" s="1296">
        <v>0</v>
      </c>
      <c r="U15" s="1296">
        <v>0</v>
      </c>
      <c r="V15" s="1296">
        <v>0</v>
      </c>
      <c r="W15" s="918">
        <v>1624</v>
      </c>
      <c r="X15" s="1297">
        <v>288255</v>
      </c>
    </row>
    <row r="16" spans="1:24" ht="21.75" customHeight="1" thickBot="1" x14ac:dyDescent="0.2">
      <c r="A16" s="924" t="s">
        <v>28</v>
      </c>
      <c r="B16" s="925">
        <v>22</v>
      </c>
      <c r="C16" s="926">
        <v>0</v>
      </c>
      <c r="D16" s="1298">
        <v>0</v>
      </c>
      <c r="E16" s="926">
        <v>0</v>
      </c>
      <c r="F16" s="1298">
        <v>0</v>
      </c>
      <c r="G16" s="926">
        <v>0</v>
      </c>
      <c r="H16" s="1298">
        <v>12246</v>
      </c>
      <c r="I16" s="926">
        <v>0</v>
      </c>
      <c r="J16" s="1299">
        <v>0</v>
      </c>
      <c r="K16" s="1299" t="s">
        <v>184</v>
      </c>
      <c r="L16" s="926">
        <v>0</v>
      </c>
      <c r="M16" s="926">
        <v>0</v>
      </c>
      <c r="N16" s="926">
        <v>0</v>
      </c>
      <c r="O16" s="1299">
        <v>0</v>
      </c>
      <c r="P16" s="1299">
        <v>0</v>
      </c>
      <c r="Q16" s="1299">
        <v>0</v>
      </c>
      <c r="R16" s="1299">
        <v>0</v>
      </c>
      <c r="S16" s="1299">
        <v>0</v>
      </c>
      <c r="T16" s="1299">
        <v>0</v>
      </c>
      <c r="U16" s="1299">
        <v>0</v>
      </c>
      <c r="V16" s="1299">
        <v>0</v>
      </c>
      <c r="W16" s="926">
        <v>53</v>
      </c>
      <c r="X16" s="1300">
        <v>12321</v>
      </c>
    </row>
    <row r="17" spans="1:24" ht="21.75" customHeight="1" x14ac:dyDescent="0.15">
      <c r="A17" s="888" t="s">
        <v>27</v>
      </c>
      <c r="B17" s="1321">
        <v>3902</v>
      </c>
      <c r="C17" s="890">
        <v>0</v>
      </c>
      <c r="D17" s="1288">
        <v>0</v>
      </c>
      <c r="E17" s="890">
        <v>0</v>
      </c>
      <c r="F17" s="1288">
        <v>895</v>
      </c>
      <c r="G17" s="890">
        <v>309</v>
      </c>
      <c r="H17" s="1288">
        <v>3307</v>
      </c>
      <c r="I17" s="890">
        <v>0</v>
      </c>
      <c r="J17" s="1289">
        <v>0</v>
      </c>
      <c r="K17" s="1289" t="s">
        <v>184</v>
      </c>
      <c r="L17" s="890">
        <v>0</v>
      </c>
      <c r="M17" s="890">
        <v>0</v>
      </c>
      <c r="N17" s="890">
        <v>0</v>
      </c>
      <c r="O17" s="1289">
        <v>0</v>
      </c>
      <c r="P17" s="1289">
        <v>0</v>
      </c>
      <c r="Q17" s="1289">
        <v>0</v>
      </c>
      <c r="R17" s="1289">
        <v>0</v>
      </c>
      <c r="S17" s="1289">
        <v>0</v>
      </c>
      <c r="T17" s="1289">
        <v>0</v>
      </c>
      <c r="U17" s="1289">
        <v>0</v>
      </c>
      <c r="V17" s="1289">
        <v>0</v>
      </c>
      <c r="W17" s="890">
        <v>0</v>
      </c>
      <c r="X17" s="1292">
        <v>8413</v>
      </c>
    </row>
    <row r="18" spans="1:24" ht="21.75" customHeight="1" x14ac:dyDescent="0.15">
      <c r="A18" s="903" t="s">
        <v>26</v>
      </c>
      <c r="B18" s="917">
        <v>20037</v>
      </c>
      <c r="C18" s="918">
        <v>18128</v>
      </c>
      <c r="D18" s="1295">
        <v>0</v>
      </c>
      <c r="E18" s="918">
        <v>0</v>
      </c>
      <c r="F18" s="1295">
        <v>53888</v>
      </c>
      <c r="G18" s="918">
        <v>281</v>
      </c>
      <c r="H18" s="1295">
        <v>129832</v>
      </c>
      <c r="I18" s="918">
        <v>0</v>
      </c>
      <c r="J18" s="1296">
        <v>0</v>
      </c>
      <c r="K18" s="1296" t="s">
        <v>184</v>
      </c>
      <c r="L18" s="918">
        <v>0</v>
      </c>
      <c r="M18" s="918">
        <v>0</v>
      </c>
      <c r="N18" s="918">
        <v>1729</v>
      </c>
      <c r="O18" s="1296">
        <v>0</v>
      </c>
      <c r="P18" s="1296">
        <v>0</v>
      </c>
      <c r="Q18" s="1296">
        <v>0</v>
      </c>
      <c r="R18" s="1296">
        <v>0</v>
      </c>
      <c r="S18" s="1296">
        <v>0</v>
      </c>
      <c r="T18" s="1296">
        <v>0</v>
      </c>
      <c r="U18" s="1296">
        <v>0</v>
      </c>
      <c r="V18" s="1296">
        <v>0</v>
      </c>
      <c r="W18" s="918">
        <v>1754</v>
      </c>
      <c r="X18" s="1297">
        <v>225649</v>
      </c>
    </row>
    <row r="19" spans="1:24" ht="21.75" customHeight="1" x14ac:dyDescent="0.15">
      <c r="A19" s="903" t="s">
        <v>25</v>
      </c>
      <c r="B19" s="917">
        <v>29110</v>
      </c>
      <c r="C19" s="918">
        <v>115243</v>
      </c>
      <c r="D19" s="1295">
        <v>21</v>
      </c>
      <c r="E19" s="918">
        <v>0</v>
      </c>
      <c r="F19" s="1295">
        <v>18078</v>
      </c>
      <c r="G19" s="918">
        <v>0</v>
      </c>
      <c r="H19" s="1295">
        <v>44154</v>
      </c>
      <c r="I19" s="918">
        <v>0</v>
      </c>
      <c r="J19" s="1296">
        <v>0</v>
      </c>
      <c r="K19" s="1296" t="s">
        <v>184</v>
      </c>
      <c r="L19" s="918">
        <v>0</v>
      </c>
      <c r="M19" s="918">
        <v>0</v>
      </c>
      <c r="N19" s="918">
        <v>0</v>
      </c>
      <c r="O19" s="1296">
        <v>1931</v>
      </c>
      <c r="P19" s="1296">
        <v>0</v>
      </c>
      <c r="Q19" s="1296">
        <v>0</v>
      </c>
      <c r="R19" s="1296">
        <v>0</v>
      </c>
      <c r="S19" s="1296">
        <v>0</v>
      </c>
      <c r="T19" s="1296">
        <v>0</v>
      </c>
      <c r="U19" s="1296">
        <v>0</v>
      </c>
      <c r="V19" s="1296">
        <v>0</v>
      </c>
      <c r="W19" s="918">
        <v>491</v>
      </c>
      <c r="X19" s="1297">
        <v>209028</v>
      </c>
    </row>
    <row r="20" spans="1:24" ht="21.75" customHeight="1" x14ac:dyDescent="0.15">
      <c r="A20" s="903" t="s">
        <v>24</v>
      </c>
      <c r="B20" s="917">
        <v>7683</v>
      </c>
      <c r="C20" s="918">
        <v>86492</v>
      </c>
      <c r="D20" s="1295">
        <v>131</v>
      </c>
      <c r="E20" s="918">
        <v>0</v>
      </c>
      <c r="F20" s="1295">
        <v>29424</v>
      </c>
      <c r="G20" s="918">
        <v>8990</v>
      </c>
      <c r="H20" s="1295">
        <v>16287</v>
      </c>
      <c r="I20" s="918">
        <v>0</v>
      </c>
      <c r="J20" s="1296">
        <v>0</v>
      </c>
      <c r="K20" s="1296" t="s">
        <v>184</v>
      </c>
      <c r="L20" s="918">
        <v>0</v>
      </c>
      <c r="M20" s="918">
        <v>0</v>
      </c>
      <c r="N20" s="918">
        <v>0</v>
      </c>
      <c r="O20" s="1296">
        <v>70</v>
      </c>
      <c r="P20" s="1296">
        <v>0</v>
      </c>
      <c r="Q20" s="1296">
        <v>0</v>
      </c>
      <c r="R20" s="1296">
        <v>0</v>
      </c>
      <c r="S20" s="1296">
        <v>0</v>
      </c>
      <c r="T20" s="1296">
        <v>0</v>
      </c>
      <c r="U20" s="1296">
        <v>0</v>
      </c>
      <c r="V20" s="1296">
        <v>0</v>
      </c>
      <c r="W20" s="918">
        <v>1961</v>
      </c>
      <c r="X20" s="1297">
        <v>151038</v>
      </c>
    </row>
    <row r="21" spans="1:24" ht="21.75" customHeight="1" thickBot="1" x14ac:dyDescent="0.2">
      <c r="A21" s="924" t="s">
        <v>23</v>
      </c>
      <c r="B21" s="925">
        <v>0</v>
      </c>
      <c r="C21" s="926">
        <v>0</v>
      </c>
      <c r="D21" s="1298">
        <v>0</v>
      </c>
      <c r="E21" s="926">
        <v>0</v>
      </c>
      <c r="F21" s="1298">
        <v>256</v>
      </c>
      <c r="G21" s="926">
        <v>0</v>
      </c>
      <c r="H21" s="1298">
        <v>23455</v>
      </c>
      <c r="I21" s="926">
        <v>0</v>
      </c>
      <c r="J21" s="1299">
        <v>0</v>
      </c>
      <c r="K21" s="1299" t="s">
        <v>184</v>
      </c>
      <c r="L21" s="926">
        <v>0</v>
      </c>
      <c r="M21" s="926">
        <v>0</v>
      </c>
      <c r="N21" s="926">
        <v>0</v>
      </c>
      <c r="O21" s="1299">
        <v>0</v>
      </c>
      <c r="P21" s="1299">
        <v>0</v>
      </c>
      <c r="Q21" s="1299">
        <v>0</v>
      </c>
      <c r="R21" s="1299">
        <v>0</v>
      </c>
      <c r="S21" s="1299">
        <v>0</v>
      </c>
      <c r="T21" s="1299">
        <v>0</v>
      </c>
      <c r="U21" s="1299">
        <v>0</v>
      </c>
      <c r="V21" s="1299">
        <v>0</v>
      </c>
      <c r="W21" s="926">
        <v>38</v>
      </c>
      <c r="X21" s="1300">
        <v>23749</v>
      </c>
    </row>
    <row r="22" spans="1:24" ht="21.75" customHeight="1" x14ac:dyDescent="0.15">
      <c r="A22" s="888" t="s">
        <v>22</v>
      </c>
      <c r="B22" s="1321">
        <v>10489</v>
      </c>
      <c r="C22" s="890">
        <v>92091</v>
      </c>
      <c r="D22" s="1288">
        <v>0</v>
      </c>
      <c r="E22" s="890">
        <v>0</v>
      </c>
      <c r="F22" s="1288">
        <v>28525</v>
      </c>
      <c r="G22" s="890">
        <v>10588</v>
      </c>
      <c r="H22" s="1288">
        <v>12508</v>
      </c>
      <c r="I22" s="890">
        <v>0</v>
      </c>
      <c r="J22" s="1289">
        <v>0</v>
      </c>
      <c r="K22" s="1289" t="s">
        <v>184</v>
      </c>
      <c r="L22" s="890">
        <v>0</v>
      </c>
      <c r="M22" s="890">
        <v>0</v>
      </c>
      <c r="N22" s="890">
        <v>0</v>
      </c>
      <c r="O22" s="1289">
        <v>2784</v>
      </c>
      <c r="P22" s="1289">
        <v>0</v>
      </c>
      <c r="Q22" s="1289">
        <v>0</v>
      </c>
      <c r="R22" s="1289">
        <v>0</v>
      </c>
      <c r="S22" s="1289">
        <v>0</v>
      </c>
      <c r="T22" s="1289">
        <v>0</v>
      </c>
      <c r="U22" s="1289">
        <v>0</v>
      </c>
      <c r="V22" s="1289">
        <v>0</v>
      </c>
      <c r="W22" s="890">
        <v>0</v>
      </c>
      <c r="X22" s="1292">
        <v>156985</v>
      </c>
    </row>
    <row r="23" spans="1:24" ht="21.75" customHeight="1" x14ac:dyDescent="0.15">
      <c r="A23" s="903" t="s">
        <v>21</v>
      </c>
      <c r="B23" s="917">
        <v>7213</v>
      </c>
      <c r="C23" s="918">
        <v>71902</v>
      </c>
      <c r="D23" s="1295">
        <v>0</v>
      </c>
      <c r="E23" s="918">
        <v>0</v>
      </c>
      <c r="F23" s="1295">
        <v>38729</v>
      </c>
      <c r="G23" s="918">
        <v>18878</v>
      </c>
      <c r="H23" s="1295">
        <v>28179</v>
      </c>
      <c r="I23" s="918">
        <v>10</v>
      </c>
      <c r="J23" s="1296">
        <v>0</v>
      </c>
      <c r="K23" s="1296" t="s">
        <v>184</v>
      </c>
      <c r="L23" s="918">
        <v>0</v>
      </c>
      <c r="M23" s="918">
        <v>0</v>
      </c>
      <c r="N23" s="918">
        <v>1517</v>
      </c>
      <c r="O23" s="1296">
        <v>0</v>
      </c>
      <c r="P23" s="1296">
        <v>0</v>
      </c>
      <c r="Q23" s="1296">
        <v>0</v>
      </c>
      <c r="R23" s="1296">
        <v>0</v>
      </c>
      <c r="S23" s="1296">
        <v>0</v>
      </c>
      <c r="T23" s="1296">
        <v>0</v>
      </c>
      <c r="U23" s="1296">
        <v>0</v>
      </c>
      <c r="V23" s="1296">
        <v>0</v>
      </c>
      <c r="W23" s="918">
        <v>0</v>
      </c>
      <c r="X23" s="1297">
        <v>166428</v>
      </c>
    </row>
    <row r="24" spans="1:24" ht="21.75" customHeight="1" x14ac:dyDescent="0.15">
      <c r="A24" s="903" t="s">
        <v>20</v>
      </c>
      <c r="B24" s="917">
        <v>3059</v>
      </c>
      <c r="C24" s="918">
        <v>1269</v>
      </c>
      <c r="D24" s="1295">
        <v>0</v>
      </c>
      <c r="E24" s="918">
        <v>0</v>
      </c>
      <c r="F24" s="1295">
        <v>8879</v>
      </c>
      <c r="G24" s="918">
        <v>0</v>
      </c>
      <c r="H24" s="1295">
        <v>10604</v>
      </c>
      <c r="I24" s="918">
        <v>0</v>
      </c>
      <c r="J24" s="1296">
        <v>0</v>
      </c>
      <c r="K24" s="1296" t="s">
        <v>184</v>
      </c>
      <c r="L24" s="918">
        <v>0</v>
      </c>
      <c r="M24" s="918">
        <v>0</v>
      </c>
      <c r="N24" s="918">
        <v>82</v>
      </c>
      <c r="O24" s="1296">
        <v>0</v>
      </c>
      <c r="P24" s="1296">
        <v>0</v>
      </c>
      <c r="Q24" s="1296">
        <v>0</v>
      </c>
      <c r="R24" s="1296">
        <v>0</v>
      </c>
      <c r="S24" s="1296">
        <v>0</v>
      </c>
      <c r="T24" s="1296">
        <v>0</v>
      </c>
      <c r="U24" s="1296">
        <v>0</v>
      </c>
      <c r="V24" s="1296">
        <v>0</v>
      </c>
      <c r="W24" s="918">
        <v>0</v>
      </c>
      <c r="X24" s="1297">
        <v>23893</v>
      </c>
    </row>
    <row r="25" spans="1:24" ht="21.75" customHeight="1" thickBot="1" x14ac:dyDescent="0.2">
      <c r="A25" s="952" t="s">
        <v>19</v>
      </c>
      <c r="B25" s="925">
        <v>0</v>
      </c>
      <c r="C25" s="926">
        <v>1758</v>
      </c>
      <c r="D25" s="1298">
        <v>0</v>
      </c>
      <c r="E25" s="926">
        <v>0</v>
      </c>
      <c r="F25" s="1298">
        <v>932</v>
      </c>
      <c r="G25" s="926">
        <v>0</v>
      </c>
      <c r="H25" s="1298">
        <v>19260</v>
      </c>
      <c r="I25" s="926">
        <v>0</v>
      </c>
      <c r="J25" s="1299">
        <v>0</v>
      </c>
      <c r="K25" s="1299" t="s">
        <v>184</v>
      </c>
      <c r="L25" s="926">
        <v>0</v>
      </c>
      <c r="M25" s="926">
        <v>0</v>
      </c>
      <c r="N25" s="926">
        <v>0</v>
      </c>
      <c r="O25" s="1299">
        <v>995</v>
      </c>
      <c r="P25" s="1299">
        <v>0</v>
      </c>
      <c r="Q25" s="1299">
        <v>0</v>
      </c>
      <c r="R25" s="1299">
        <v>0</v>
      </c>
      <c r="S25" s="1299">
        <v>0</v>
      </c>
      <c r="T25" s="1299">
        <v>0</v>
      </c>
      <c r="U25" s="1299">
        <v>0</v>
      </c>
      <c r="V25" s="1299">
        <v>0</v>
      </c>
      <c r="W25" s="926">
        <v>1600</v>
      </c>
      <c r="X25" s="1300">
        <v>24545</v>
      </c>
    </row>
    <row r="26" spans="1:24" ht="21.75" customHeight="1" thickBot="1" x14ac:dyDescent="0.2">
      <c r="A26" s="962" t="s">
        <v>18</v>
      </c>
      <c r="B26" s="1322">
        <v>790664</v>
      </c>
      <c r="C26" s="964">
        <v>3501465</v>
      </c>
      <c r="D26" s="964">
        <v>939</v>
      </c>
      <c r="E26" s="964">
        <v>3270</v>
      </c>
      <c r="F26" s="964">
        <v>635589</v>
      </c>
      <c r="G26" s="964">
        <v>288637</v>
      </c>
      <c r="H26" s="964">
        <v>1910620</v>
      </c>
      <c r="I26" s="964">
        <v>10</v>
      </c>
      <c r="J26" s="964">
        <v>0</v>
      </c>
      <c r="K26" s="964">
        <v>0</v>
      </c>
      <c r="L26" s="964">
        <v>0</v>
      </c>
      <c r="M26" s="964">
        <v>0</v>
      </c>
      <c r="N26" s="964">
        <v>8795</v>
      </c>
      <c r="O26" s="964">
        <v>21676</v>
      </c>
      <c r="P26" s="964">
        <v>187</v>
      </c>
      <c r="Q26" s="964">
        <v>0</v>
      </c>
      <c r="R26" s="964">
        <v>0</v>
      </c>
      <c r="S26" s="964">
        <v>20023</v>
      </c>
      <c r="T26" s="964">
        <v>0</v>
      </c>
      <c r="U26" s="964">
        <v>0</v>
      </c>
      <c r="V26" s="964">
        <v>0</v>
      </c>
      <c r="W26" s="964">
        <v>53672</v>
      </c>
      <c r="X26" s="1307">
        <v>7235547</v>
      </c>
    </row>
    <row r="27" spans="1:24" ht="21.75" customHeight="1" x14ac:dyDescent="0.15">
      <c r="A27" s="888" t="s">
        <v>17</v>
      </c>
      <c r="B27" s="1321">
        <v>811</v>
      </c>
      <c r="C27" s="890">
        <v>0</v>
      </c>
      <c r="D27" s="1288">
        <v>0</v>
      </c>
      <c r="E27" s="890">
        <v>0</v>
      </c>
      <c r="F27" s="1288">
        <v>0</v>
      </c>
      <c r="G27" s="890">
        <v>0</v>
      </c>
      <c r="H27" s="1288">
        <v>6908</v>
      </c>
      <c r="I27" s="890">
        <v>0</v>
      </c>
      <c r="J27" s="1289">
        <v>0</v>
      </c>
      <c r="K27" s="1289" t="s">
        <v>184</v>
      </c>
      <c r="L27" s="890">
        <v>0</v>
      </c>
      <c r="M27" s="890">
        <v>0</v>
      </c>
      <c r="N27" s="890">
        <v>265</v>
      </c>
      <c r="O27" s="1289">
        <v>0</v>
      </c>
      <c r="P27" s="1289">
        <v>0</v>
      </c>
      <c r="Q27" s="1289">
        <v>0</v>
      </c>
      <c r="R27" s="1289">
        <v>0</v>
      </c>
      <c r="S27" s="1289">
        <v>0</v>
      </c>
      <c r="T27" s="1289">
        <v>0</v>
      </c>
      <c r="U27" s="1289">
        <v>0</v>
      </c>
      <c r="V27" s="1289">
        <v>0</v>
      </c>
      <c r="W27" s="890">
        <v>0</v>
      </c>
      <c r="X27" s="1292">
        <v>7984</v>
      </c>
    </row>
    <row r="28" spans="1:24" ht="21.75" customHeight="1" x14ac:dyDescent="0.15">
      <c r="A28" s="903" t="s">
        <v>16</v>
      </c>
      <c r="B28" s="917">
        <v>560</v>
      </c>
      <c r="C28" s="918">
        <v>25594</v>
      </c>
      <c r="D28" s="1295">
        <v>0</v>
      </c>
      <c r="E28" s="918">
        <v>0</v>
      </c>
      <c r="F28" s="1295">
        <v>4758</v>
      </c>
      <c r="G28" s="918">
        <v>8690</v>
      </c>
      <c r="H28" s="1295">
        <v>8227</v>
      </c>
      <c r="I28" s="918">
        <v>0</v>
      </c>
      <c r="J28" s="1296">
        <v>0</v>
      </c>
      <c r="K28" s="1296" t="s">
        <v>184</v>
      </c>
      <c r="L28" s="918">
        <v>0</v>
      </c>
      <c r="M28" s="918">
        <v>0</v>
      </c>
      <c r="N28" s="918">
        <v>1055</v>
      </c>
      <c r="O28" s="1296">
        <v>0</v>
      </c>
      <c r="P28" s="1296">
        <v>0</v>
      </c>
      <c r="Q28" s="1296">
        <v>0</v>
      </c>
      <c r="R28" s="1296">
        <v>0</v>
      </c>
      <c r="S28" s="1296">
        <v>0</v>
      </c>
      <c r="T28" s="1296">
        <v>0</v>
      </c>
      <c r="U28" s="1296">
        <v>0</v>
      </c>
      <c r="V28" s="1296">
        <v>0</v>
      </c>
      <c r="W28" s="918">
        <v>124</v>
      </c>
      <c r="X28" s="1297">
        <v>49008</v>
      </c>
    </row>
    <row r="29" spans="1:24" ht="21.75" customHeight="1" x14ac:dyDescent="0.15">
      <c r="A29" s="903" t="s">
        <v>15</v>
      </c>
      <c r="B29" s="917">
        <v>72</v>
      </c>
      <c r="C29" s="918">
        <v>250</v>
      </c>
      <c r="D29" s="1295">
        <v>3</v>
      </c>
      <c r="E29" s="918">
        <v>0</v>
      </c>
      <c r="F29" s="1295">
        <v>5491</v>
      </c>
      <c r="G29" s="918">
        <v>377</v>
      </c>
      <c r="H29" s="1295">
        <v>5724</v>
      </c>
      <c r="I29" s="918">
        <v>0</v>
      </c>
      <c r="J29" s="1296">
        <v>0</v>
      </c>
      <c r="K29" s="1296" t="s">
        <v>184</v>
      </c>
      <c r="L29" s="918">
        <v>0</v>
      </c>
      <c r="M29" s="918">
        <v>0</v>
      </c>
      <c r="N29" s="918">
        <v>234</v>
      </c>
      <c r="O29" s="1296">
        <v>0</v>
      </c>
      <c r="P29" s="1296">
        <v>0</v>
      </c>
      <c r="Q29" s="1296">
        <v>0</v>
      </c>
      <c r="R29" s="1296">
        <v>0</v>
      </c>
      <c r="S29" s="1296">
        <v>0</v>
      </c>
      <c r="T29" s="1296">
        <v>0</v>
      </c>
      <c r="U29" s="1296">
        <v>0</v>
      </c>
      <c r="V29" s="1296">
        <v>0</v>
      </c>
      <c r="W29" s="918">
        <v>12</v>
      </c>
      <c r="X29" s="1297">
        <v>12163</v>
      </c>
    </row>
    <row r="30" spans="1:24" ht="21.75" customHeight="1" thickBot="1" x14ac:dyDescent="0.2">
      <c r="A30" s="924" t="s">
        <v>14</v>
      </c>
      <c r="B30" s="925">
        <v>0</v>
      </c>
      <c r="C30" s="926">
        <v>0</v>
      </c>
      <c r="D30" s="1298">
        <v>0</v>
      </c>
      <c r="E30" s="926">
        <v>0</v>
      </c>
      <c r="F30" s="1298">
        <v>5864</v>
      </c>
      <c r="G30" s="926">
        <v>299</v>
      </c>
      <c r="H30" s="1298">
        <v>5120</v>
      </c>
      <c r="I30" s="926">
        <v>0</v>
      </c>
      <c r="J30" s="1299">
        <v>0</v>
      </c>
      <c r="K30" s="1299" t="s">
        <v>184</v>
      </c>
      <c r="L30" s="926">
        <v>0</v>
      </c>
      <c r="M30" s="926">
        <v>0</v>
      </c>
      <c r="N30" s="926">
        <v>0</v>
      </c>
      <c r="O30" s="1299">
        <v>158</v>
      </c>
      <c r="P30" s="1299">
        <v>0</v>
      </c>
      <c r="Q30" s="1299">
        <v>0</v>
      </c>
      <c r="R30" s="1299">
        <v>0</v>
      </c>
      <c r="S30" s="1299">
        <v>0</v>
      </c>
      <c r="T30" s="1299">
        <v>0</v>
      </c>
      <c r="U30" s="1299">
        <v>0</v>
      </c>
      <c r="V30" s="1299">
        <v>0</v>
      </c>
      <c r="W30" s="926">
        <v>0</v>
      </c>
      <c r="X30" s="1300">
        <v>11441</v>
      </c>
    </row>
    <row r="31" spans="1:24" ht="21.75" customHeight="1" x14ac:dyDescent="0.15">
      <c r="A31" s="888" t="s">
        <v>13</v>
      </c>
      <c r="B31" s="1321">
        <v>953</v>
      </c>
      <c r="C31" s="890">
        <v>4396</v>
      </c>
      <c r="D31" s="1288">
        <v>0</v>
      </c>
      <c r="E31" s="890">
        <v>0</v>
      </c>
      <c r="F31" s="1288">
        <v>0</v>
      </c>
      <c r="G31" s="890">
        <v>0</v>
      </c>
      <c r="H31" s="1288">
        <v>1637</v>
      </c>
      <c r="I31" s="890">
        <v>0</v>
      </c>
      <c r="J31" s="1289">
        <v>0</v>
      </c>
      <c r="K31" s="1289" t="s">
        <v>184</v>
      </c>
      <c r="L31" s="890">
        <v>0</v>
      </c>
      <c r="M31" s="890">
        <v>0</v>
      </c>
      <c r="N31" s="890">
        <v>0</v>
      </c>
      <c r="O31" s="1289">
        <v>0</v>
      </c>
      <c r="P31" s="1289">
        <v>0</v>
      </c>
      <c r="Q31" s="1289">
        <v>0</v>
      </c>
      <c r="R31" s="1289">
        <v>0</v>
      </c>
      <c r="S31" s="1289">
        <v>0</v>
      </c>
      <c r="T31" s="1289">
        <v>0</v>
      </c>
      <c r="U31" s="1289">
        <v>0</v>
      </c>
      <c r="V31" s="1289">
        <v>0</v>
      </c>
      <c r="W31" s="890">
        <v>0</v>
      </c>
      <c r="X31" s="1292">
        <v>6986</v>
      </c>
    </row>
    <row r="32" spans="1:24" ht="21.75" customHeight="1" x14ac:dyDescent="0.15">
      <c r="A32" s="903" t="s">
        <v>12</v>
      </c>
      <c r="B32" s="917">
        <v>1637</v>
      </c>
      <c r="C32" s="918">
        <v>7552</v>
      </c>
      <c r="D32" s="1295">
        <v>0</v>
      </c>
      <c r="E32" s="918">
        <v>0</v>
      </c>
      <c r="F32" s="1295">
        <v>584</v>
      </c>
      <c r="G32" s="918">
        <v>41</v>
      </c>
      <c r="H32" s="1295">
        <v>3842</v>
      </c>
      <c r="I32" s="918">
        <v>0</v>
      </c>
      <c r="J32" s="1296">
        <v>0</v>
      </c>
      <c r="K32" s="1296" t="s">
        <v>184</v>
      </c>
      <c r="L32" s="918">
        <v>0</v>
      </c>
      <c r="M32" s="918">
        <v>0</v>
      </c>
      <c r="N32" s="918">
        <v>0</v>
      </c>
      <c r="O32" s="1296">
        <v>0</v>
      </c>
      <c r="P32" s="1296">
        <v>0</v>
      </c>
      <c r="Q32" s="1296">
        <v>0</v>
      </c>
      <c r="R32" s="1296">
        <v>0</v>
      </c>
      <c r="S32" s="1296">
        <v>0</v>
      </c>
      <c r="T32" s="1296">
        <v>0</v>
      </c>
      <c r="U32" s="1296">
        <v>0</v>
      </c>
      <c r="V32" s="1296">
        <v>0</v>
      </c>
      <c r="W32" s="918">
        <v>0</v>
      </c>
      <c r="X32" s="1297">
        <v>13656</v>
      </c>
    </row>
    <row r="33" spans="1:24" ht="21.75" customHeight="1" x14ac:dyDescent="0.15">
      <c r="A33" s="903" t="s">
        <v>11</v>
      </c>
      <c r="B33" s="917">
        <v>1089</v>
      </c>
      <c r="C33" s="918">
        <v>5023</v>
      </c>
      <c r="D33" s="1295">
        <v>0</v>
      </c>
      <c r="E33" s="918">
        <v>0</v>
      </c>
      <c r="F33" s="1295">
        <v>0</v>
      </c>
      <c r="G33" s="918">
        <v>0</v>
      </c>
      <c r="H33" s="1295">
        <v>2393</v>
      </c>
      <c r="I33" s="918">
        <v>0</v>
      </c>
      <c r="J33" s="1296">
        <v>0</v>
      </c>
      <c r="K33" s="1296" t="s">
        <v>184</v>
      </c>
      <c r="L33" s="918">
        <v>0</v>
      </c>
      <c r="M33" s="918">
        <v>0</v>
      </c>
      <c r="N33" s="918">
        <v>0</v>
      </c>
      <c r="O33" s="1296">
        <v>0</v>
      </c>
      <c r="P33" s="1296">
        <v>0</v>
      </c>
      <c r="Q33" s="1296">
        <v>0</v>
      </c>
      <c r="R33" s="1296">
        <v>0</v>
      </c>
      <c r="S33" s="1296">
        <v>0</v>
      </c>
      <c r="T33" s="1296">
        <v>0</v>
      </c>
      <c r="U33" s="1296">
        <v>0</v>
      </c>
      <c r="V33" s="1296">
        <v>0</v>
      </c>
      <c r="W33" s="918">
        <v>0</v>
      </c>
      <c r="X33" s="1297">
        <v>8505</v>
      </c>
    </row>
    <row r="34" spans="1:24" ht="21.75" customHeight="1" x14ac:dyDescent="0.15">
      <c r="A34" s="903" t="s">
        <v>10</v>
      </c>
      <c r="B34" s="917">
        <v>492</v>
      </c>
      <c r="C34" s="918">
        <v>1079</v>
      </c>
      <c r="D34" s="1295">
        <v>0</v>
      </c>
      <c r="E34" s="918">
        <v>0</v>
      </c>
      <c r="F34" s="1295">
        <v>0</v>
      </c>
      <c r="G34" s="918">
        <v>41</v>
      </c>
      <c r="H34" s="1295">
        <v>2108</v>
      </c>
      <c r="I34" s="918">
        <v>13</v>
      </c>
      <c r="J34" s="1296">
        <v>0</v>
      </c>
      <c r="K34" s="1296" t="s">
        <v>184</v>
      </c>
      <c r="L34" s="918">
        <v>0</v>
      </c>
      <c r="M34" s="918">
        <v>0</v>
      </c>
      <c r="N34" s="918">
        <v>0</v>
      </c>
      <c r="O34" s="1296">
        <v>0</v>
      </c>
      <c r="P34" s="1296">
        <v>0</v>
      </c>
      <c r="Q34" s="1296">
        <v>0</v>
      </c>
      <c r="R34" s="1296">
        <v>0</v>
      </c>
      <c r="S34" s="1296">
        <v>56</v>
      </c>
      <c r="T34" s="1296">
        <v>0</v>
      </c>
      <c r="U34" s="1296">
        <v>0</v>
      </c>
      <c r="V34" s="1296">
        <v>0</v>
      </c>
      <c r="W34" s="918">
        <v>0</v>
      </c>
      <c r="X34" s="1297">
        <v>3789</v>
      </c>
    </row>
    <row r="35" spans="1:24" ht="21.75" customHeight="1" thickBot="1" x14ac:dyDescent="0.2">
      <c r="A35" s="924" t="s">
        <v>9</v>
      </c>
      <c r="B35" s="925">
        <v>0</v>
      </c>
      <c r="C35" s="926">
        <v>0</v>
      </c>
      <c r="D35" s="1298">
        <v>0</v>
      </c>
      <c r="E35" s="926">
        <v>0</v>
      </c>
      <c r="F35" s="1298">
        <v>3602</v>
      </c>
      <c r="G35" s="926">
        <v>228</v>
      </c>
      <c r="H35" s="1298">
        <v>3224</v>
      </c>
      <c r="I35" s="926">
        <v>0</v>
      </c>
      <c r="J35" s="1299">
        <v>0</v>
      </c>
      <c r="K35" s="1299" t="s">
        <v>184</v>
      </c>
      <c r="L35" s="926">
        <v>0</v>
      </c>
      <c r="M35" s="926">
        <v>0</v>
      </c>
      <c r="N35" s="926">
        <v>0</v>
      </c>
      <c r="O35" s="1299">
        <v>0</v>
      </c>
      <c r="P35" s="1299">
        <v>0</v>
      </c>
      <c r="Q35" s="1299">
        <v>0</v>
      </c>
      <c r="R35" s="1299">
        <v>0</v>
      </c>
      <c r="S35" s="1299">
        <v>0</v>
      </c>
      <c r="T35" s="1299">
        <v>0</v>
      </c>
      <c r="U35" s="1299">
        <v>0</v>
      </c>
      <c r="V35" s="1299">
        <v>0</v>
      </c>
      <c r="W35" s="926">
        <v>0</v>
      </c>
      <c r="X35" s="1300">
        <v>7054</v>
      </c>
    </row>
    <row r="36" spans="1:24" ht="21.75" customHeight="1" x14ac:dyDescent="0.15">
      <c r="A36" s="888" t="s">
        <v>8</v>
      </c>
      <c r="B36" s="1321">
        <v>5408</v>
      </c>
      <c r="C36" s="890">
        <v>2608</v>
      </c>
      <c r="D36" s="1288">
        <v>0</v>
      </c>
      <c r="E36" s="890">
        <v>0</v>
      </c>
      <c r="F36" s="1288">
        <v>1369</v>
      </c>
      <c r="G36" s="890">
        <v>29</v>
      </c>
      <c r="H36" s="1288">
        <v>2069</v>
      </c>
      <c r="I36" s="890">
        <v>0</v>
      </c>
      <c r="J36" s="1289">
        <v>0</v>
      </c>
      <c r="K36" s="1289" t="s">
        <v>184</v>
      </c>
      <c r="L36" s="890">
        <v>0</v>
      </c>
      <c r="M36" s="890">
        <v>0</v>
      </c>
      <c r="N36" s="890">
        <v>0</v>
      </c>
      <c r="O36" s="1289">
        <v>77</v>
      </c>
      <c r="P36" s="1289">
        <v>0</v>
      </c>
      <c r="Q36" s="1289">
        <v>0</v>
      </c>
      <c r="R36" s="1289">
        <v>0</v>
      </c>
      <c r="S36" s="1289">
        <v>0</v>
      </c>
      <c r="T36" s="1289">
        <v>0</v>
      </c>
      <c r="U36" s="1289">
        <v>0</v>
      </c>
      <c r="V36" s="1289">
        <v>0</v>
      </c>
      <c r="W36" s="890">
        <v>0</v>
      </c>
      <c r="X36" s="1292">
        <v>11560</v>
      </c>
    </row>
    <row r="37" spans="1:24" ht="21.75" customHeight="1" x14ac:dyDescent="0.15">
      <c r="A37" s="903" t="s">
        <v>7</v>
      </c>
      <c r="B37" s="917">
        <v>639</v>
      </c>
      <c r="C37" s="918">
        <v>1423</v>
      </c>
      <c r="D37" s="1295">
        <v>0</v>
      </c>
      <c r="E37" s="918">
        <v>0</v>
      </c>
      <c r="F37" s="1295">
        <v>565</v>
      </c>
      <c r="G37" s="918">
        <v>0</v>
      </c>
      <c r="H37" s="1295">
        <v>671</v>
      </c>
      <c r="I37" s="918">
        <v>0</v>
      </c>
      <c r="J37" s="1296">
        <v>0</v>
      </c>
      <c r="K37" s="1296" t="s">
        <v>184</v>
      </c>
      <c r="L37" s="918">
        <v>0</v>
      </c>
      <c r="M37" s="918">
        <v>0</v>
      </c>
      <c r="N37" s="918">
        <v>4</v>
      </c>
      <c r="O37" s="1296">
        <v>0</v>
      </c>
      <c r="P37" s="1296">
        <v>0</v>
      </c>
      <c r="Q37" s="1296">
        <v>0</v>
      </c>
      <c r="R37" s="1296">
        <v>0</v>
      </c>
      <c r="S37" s="1296">
        <v>0</v>
      </c>
      <c r="T37" s="1296">
        <v>0</v>
      </c>
      <c r="U37" s="1296">
        <v>0</v>
      </c>
      <c r="V37" s="1296">
        <v>0</v>
      </c>
      <c r="W37" s="918">
        <v>589</v>
      </c>
      <c r="X37" s="1297">
        <v>3891</v>
      </c>
    </row>
    <row r="38" spans="1:24" ht="21.75" customHeight="1" x14ac:dyDescent="0.15">
      <c r="A38" s="903" t="s">
        <v>6</v>
      </c>
      <c r="B38" s="917">
        <v>2201</v>
      </c>
      <c r="C38" s="918">
        <v>4081</v>
      </c>
      <c r="D38" s="1295">
        <v>0</v>
      </c>
      <c r="E38" s="918">
        <v>0</v>
      </c>
      <c r="F38" s="1295">
        <v>1872</v>
      </c>
      <c r="G38" s="918">
        <v>0</v>
      </c>
      <c r="H38" s="1295">
        <v>2014</v>
      </c>
      <c r="I38" s="918">
        <v>0</v>
      </c>
      <c r="J38" s="1296">
        <v>0</v>
      </c>
      <c r="K38" s="1296" t="s">
        <v>184</v>
      </c>
      <c r="L38" s="918">
        <v>0</v>
      </c>
      <c r="M38" s="918">
        <v>0</v>
      </c>
      <c r="N38" s="918">
        <v>6</v>
      </c>
      <c r="O38" s="1296">
        <v>0</v>
      </c>
      <c r="P38" s="1296">
        <v>0</v>
      </c>
      <c r="Q38" s="1296">
        <v>0</v>
      </c>
      <c r="R38" s="1296">
        <v>0</v>
      </c>
      <c r="S38" s="1296">
        <v>0</v>
      </c>
      <c r="T38" s="1296">
        <v>0</v>
      </c>
      <c r="U38" s="1296">
        <v>0</v>
      </c>
      <c r="V38" s="1296">
        <v>0</v>
      </c>
      <c r="W38" s="918">
        <v>2455</v>
      </c>
      <c r="X38" s="1297">
        <v>12629</v>
      </c>
    </row>
    <row r="39" spans="1:24" ht="21.75" customHeight="1" x14ac:dyDescent="0.15">
      <c r="A39" s="903" t="s">
        <v>5</v>
      </c>
      <c r="B39" s="917">
        <v>9146</v>
      </c>
      <c r="C39" s="918">
        <v>19864</v>
      </c>
      <c r="D39" s="1295">
        <v>0</v>
      </c>
      <c r="E39" s="918">
        <v>0</v>
      </c>
      <c r="F39" s="1295">
        <v>223</v>
      </c>
      <c r="G39" s="918">
        <v>0</v>
      </c>
      <c r="H39" s="1295">
        <v>6802</v>
      </c>
      <c r="I39" s="918">
        <v>0</v>
      </c>
      <c r="J39" s="1296">
        <v>0</v>
      </c>
      <c r="K39" s="1296" t="s">
        <v>184</v>
      </c>
      <c r="L39" s="918">
        <v>0</v>
      </c>
      <c r="M39" s="918">
        <v>0</v>
      </c>
      <c r="N39" s="918">
        <v>7</v>
      </c>
      <c r="O39" s="1296">
        <v>0</v>
      </c>
      <c r="P39" s="1296">
        <v>0</v>
      </c>
      <c r="Q39" s="1296">
        <v>0</v>
      </c>
      <c r="R39" s="1296">
        <v>0</v>
      </c>
      <c r="S39" s="1296">
        <v>0</v>
      </c>
      <c r="T39" s="1296">
        <v>0</v>
      </c>
      <c r="U39" s="1296">
        <v>0</v>
      </c>
      <c r="V39" s="1296">
        <v>0</v>
      </c>
      <c r="W39" s="918">
        <v>0</v>
      </c>
      <c r="X39" s="1297">
        <v>36042</v>
      </c>
    </row>
    <row r="40" spans="1:24" ht="21.75" customHeight="1" thickBot="1" x14ac:dyDescent="0.2">
      <c r="A40" s="924" t="s">
        <v>4</v>
      </c>
      <c r="B40" s="925">
        <v>1</v>
      </c>
      <c r="C40" s="926">
        <v>433</v>
      </c>
      <c r="D40" s="1298">
        <v>0</v>
      </c>
      <c r="E40" s="926">
        <v>0</v>
      </c>
      <c r="F40" s="1298">
        <v>488</v>
      </c>
      <c r="G40" s="926">
        <v>4</v>
      </c>
      <c r="H40" s="1298">
        <v>433</v>
      </c>
      <c r="I40" s="926">
        <v>0</v>
      </c>
      <c r="J40" s="1299">
        <v>0</v>
      </c>
      <c r="K40" s="1299" t="s">
        <v>184</v>
      </c>
      <c r="L40" s="926">
        <v>0</v>
      </c>
      <c r="M40" s="926">
        <v>0</v>
      </c>
      <c r="N40" s="926">
        <v>18</v>
      </c>
      <c r="O40" s="1299">
        <v>0</v>
      </c>
      <c r="P40" s="1299">
        <v>0</v>
      </c>
      <c r="Q40" s="1299">
        <v>0</v>
      </c>
      <c r="R40" s="1299">
        <v>0</v>
      </c>
      <c r="S40" s="1299">
        <v>0</v>
      </c>
      <c r="T40" s="1299">
        <v>0</v>
      </c>
      <c r="U40" s="1299">
        <v>0</v>
      </c>
      <c r="V40" s="1299">
        <v>0</v>
      </c>
      <c r="W40" s="926">
        <v>16</v>
      </c>
      <c r="X40" s="1300">
        <v>1393</v>
      </c>
    </row>
    <row r="41" spans="1:24" ht="21.75" customHeight="1" thickBot="1" x14ac:dyDescent="0.2">
      <c r="A41" s="962" t="s">
        <v>65</v>
      </c>
      <c r="B41" s="963">
        <v>23009</v>
      </c>
      <c r="C41" s="964">
        <v>72303</v>
      </c>
      <c r="D41" s="964">
        <v>3</v>
      </c>
      <c r="E41" s="964">
        <v>0</v>
      </c>
      <c r="F41" s="964">
        <v>24816</v>
      </c>
      <c r="G41" s="964">
        <v>9709</v>
      </c>
      <c r="H41" s="964">
        <v>51172</v>
      </c>
      <c r="I41" s="964">
        <v>13</v>
      </c>
      <c r="J41" s="964">
        <v>0</v>
      </c>
      <c r="K41" s="964">
        <v>0</v>
      </c>
      <c r="L41" s="964">
        <v>0</v>
      </c>
      <c r="M41" s="964">
        <v>0</v>
      </c>
      <c r="N41" s="964">
        <v>1589</v>
      </c>
      <c r="O41" s="964">
        <v>235</v>
      </c>
      <c r="P41" s="964">
        <v>0</v>
      </c>
      <c r="Q41" s="964">
        <v>0</v>
      </c>
      <c r="R41" s="964">
        <v>0</v>
      </c>
      <c r="S41" s="964">
        <v>56</v>
      </c>
      <c r="T41" s="964">
        <v>0</v>
      </c>
      <c r="U41" s="964">
        <v>0</v>
      </c>
      <c r="V41" s="964">
        <v>0</v>
      </c>
      <c r="W41" s="964">
        <v>3196</v>
      </c>
      <c r="X41" s="1307">
        <v>186101</v>
      </c>
    </row>
    <row r="42" spans="1:24" ht="21.75" customHeight="1" thickBot="1" x14ac:dyDescent="0.2">
      <c r="A42" s="1323" t="s">
        <v>148</v>
      </c>
      <c r="B42" s="1324">
        <v>813673</v>
      </c>
      <c r="C42" s="964">
        <v>3573768</v>
      </c>
      <c r="D42" s="964">
        <v>942</v>
      </c>
      <c r="E42" s="964">
        <v>3270</v>
      </c>
      <c r="F42" s="964">
        <v>660405</v>
      </c>
      <c r="G42" s="964">
        <v>298346</v>
      </c>
      <c r="H42" s="964">
        <v>1961792</v>
      </c>
      <c r="I42" s="964">
        <v>23</v>
      </c>
      <c r="J42" s="964">
        <v>0</v>
      </c>
      <c r="K42" s="964">
        <v>0</v>
      </c>
      <c r="L42" s="964">
        <v>0</v>
      </c>
      <c r="M42" s="964">
        <v>0</v>
      </c>
      <c r="N42" s="964">
        <v>10384</v>
      </c>
      <c r="O42" s="964">
        <v>21911</v>
      </c>
      <c r="P42" s="964">
        <v>187</v>
      </c>
      <c r="Q42" s="964">
        <v>0</v>
      </c>
      <c r="R42" s="964">
        <v>0</v>
      </c>
      <c r="S42" s="964">
        <v>20079</v>
      </c>
      <c r="T42" s="964">
        <v>0</v>
      </c>
      <c r="U42" s="964">
        <v>0</v>
      </c>
      <c r="V42" s="964">
        <v>0</v>
      </c>
      <c r="W42" s="964">
        <v>56868</v>
      </c>
      <c r="X42" s="1307">
        <v>7421648</v>
      </c>
    </row>
    <row r="43" spans="1:24" ht="15" customHeight="1" x14ac:dyDescent="0.15">
      <c r="A43" s="997" t="s">
        <v>462</v>
      </c>
      <c r="G43" s="997"/>
      <c r="H43" s="997"/>
      <c r="I43" s="997"/>
      <c r="J43" s="997"/>
      <c r="K43" s="997"/>
      <c r="L43" s="997"/>
      <c r="M43" s="997"/>
      <c r="N43" s="997"/>
      <c r="O43" s="997"/>
      <c r="P43" s="997"/>
      <c r="Q43" s="997"/>
      <c r="R43" s="997"/>
      <c r="S43" s="997"/>
      <c r="T43" s="997"/>
      <c r="U43" s="997"/>
      <c r="V43" s="997"/>
      <c r="W43" s="997"/>
      <c r="X43" s="997"/>
    </row>
    <row r="44" spans="1:24" ht="15" customHeight="1" x14ac:dyDescent="0.15">
      <c r="A44" s="997"/>
    </row>
  </sheetData>
  <mergeCells count="18">
    <mergeCell ref="C4:L4"/>
    <mergeCell ref="O4:T4"/>
    <mergeCell ref="B5:B6"/>
    <mergeCell ref="C5:C6"/>
    <mergeCell ref="D5:D6"/>
    <mergeCell ref="E5:E6"/>
    <mergeCell ref="F5:F6"/>
    <mergeCell ref="G5:G6"/>
    <mergeCell ref="H5:H6"/>
    <mergeCell ref="I5:I6"/>
    <mergeCell ref="W5:W6"/>
    <mergeCell ref="X5:X6"/>
    <mergeCell ref="J5:J6"/>
    <mergeCell ref="K5:K6"/>
    <mergeCell ref="L5:L6"/>
    <mergeCell ref="M5:M6"/>
    <mergeCell ref="N5:O5"/>
    <mergeCell ref="P5:V5"/>
  </mergeCells>
  <phoneticPr fontId="3"/>
  <conditionalFormatting sqref="A1:H1048576 Y1:XFD1048576">
    <cfRule type="cellIs" dxfId="9" priority="4" operator="lessThanOrEqual">
      <formula>0</formula>
    </cfRule>
  </conditionalFormatting>
  <conditionalFormatting sqref="I41">
    <cfRule type="cellIs" dxfId="8" priority="2" operator="lessThanOrEqual">
      <formula>0</formula>
    </cfRule>
  </conditionalFormatting>
  <conditionalFormatting sqref="I1:J40">
    <cfRule type="cellIs" dxfId="7" priority="5" operator="lessThanOrEqual">
      <formula>0</formula>
    </cfRule>
  </conditionalFormatting>
  <conditionalFormatting sqref="J41:J42">
    <cfRule type="cellIs" dxfId="6" priority="3" operator="lessThanOrEqual">
      <formula>0</formula>
    </cfRule>
  </conditionalFormatting>
  <conditionalFormatting sqref="W39:W40">
    <cfRule type="cellIs" dxfId="5" priority="6" operator="lessThanOrEqual">
      <formula>0</formula>
    </cfRule>
  </conditionalFormatting>
  <conditionalFormatting sqref="W1:X38 K1:V1048576 X40:X1048576 W42:W1048576 I43:J1048576">
    <cfRule type="cellIs" dxfId="4" priority="7" operator="lessThanOrEqual">
      <formula>0</formula>
    </cfRule>
  </conditionalFormatting>
  <pageMargins left="0.59055118110236227" right="0.59055118110236227" top="0.78740157480314965" bottom="0.78740157480314965" header="0.51181102362204722" footer="0.39370078740157483"/>
  <pageSetup paperSize="9" scale="80" orientation="portrait"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B60FFE-6BCB-4518-BA8B-42CB693751AA}">
  <sheetPr>
    <pageSetUpPr fitToPage="1"/>
  </sheetPr>
  <dimension ref="A1:R56"/>
  <sheetViews>
    <sheetView zoomScaleNormal="100" zoomScaleSheetLayoutView="100" workbookViewId="0">
      <pane xSplit="2" ySplit="7" topLeftCell="C8" activePane="bottomRight" state="frozen"/>
      <selection activeCell="Y11" sqref="Y11"/>
      <selection pane="topRight" activeCell="Y11" sqref="Y11"/>
      <selection pane="bottomLeft" activeCell="Y11" sqref="Y11"/>
      <selection pane="bottomRight" activeCell="R5" sqref="R5"/>
    </sheetView>
  </sheetViews>
  <sheetFormatPr defaultColWidth="9" defaultRowHeight="16.5" customHeight="1" x14ac:dyDescent="0.15"/>
  <cols>
    <col min="1" max="1" width="9.625" style="1459" customWidth="1"/>
    <col min="2" max="2" width="14.625" style="1460" customWidth="1"/>
    <col min="3" max="10" width="3" style="1461" customWidth="1"/>
    <col min="11" max="11" width="3.125" style="1461" customWidth="1"/>
    <col min="12" max="12" width="3" style="1461" customWidth="1"/>
    <col min="13" max="13" width="11.125" style="1461" bestFit="1" customWidth="1"/>
    <col min="14" max="16" width="9.375" style="1461" customWidth="1"/>
    <col min="17" max="17" width="4.5" style="1461" customWidth="1"/>
    <col min="18" max="16384" width="9" style="1461"/>
  </cols>
  <sheetData>
    <row r="1" spans="1:18" s="1326" customFormat="1" ht="21.75" customHeight="1" thickBot="1" x14ac:dyDescent="0.2">
      <c r="A1" s="1325" t="s">
        <v>463</v>
      </c>
    </row>
    <row r="2" spans="1:18" s="1332" customFormat="1" ht="18" customHeight="1" x14ac:dyDescent="0.15">
      <c r="A2" s="2002" t="s">
        <v>464</v>
      </c>
      <c r="B2" s="1327"/>
      <c r="C2" s="2005" t="s">
        <v>465</v>
      </c>
      <c r="D2" s="2006"/>
      <c r="E2" s="2006"/>
      <c r="F2" s="2006"/>
      <c r="G2" s="2006"/>
      <c r="H2" s="2007"/>
      <c r="I2" s="2008" t="s">
        <v>466</v>
      </c>
      <c r="J2" s="2009"/>
      <c r="K2" s="2009"/>
      <c r="L2" s="2010"/>
      <c r="M2" s="1328"/>
      <c r="N2" s="1329"/>
      <c r="O2" s="1330"/>
      <c r="P2" s="1331"/>
      <c r="Q2" s="1331"/>
    </row>
    <row r="3" spans="1:18" s="1332" customFormat="1" ht="18" customHeight="1" x14ac:dyDescent="0.15">
      <c r="A3" s="2003"/>
      <c r="B3" s="1333"/>
      <c r="C3" s="2011" t="s">
        <v>467</v>
      </c>
      <c r="D3" s="2012"/>
      <c r="E3" s="2013" t="s">
        <v>468</v>
      </c>
      <c r="F3" s="2014"/>
      <c r="G3" s="2015" t="s">
        <v>469</v>
      </c>
      <c r="H3" s="2014"/>
      <c r="I3" s="2016" t="s">
        <v>470</v>
      </c>
      <c r="J3" s="2017"/>
      <c r="K3" s="2017"/>
      <c r="L3" s="2018"/>
      <c r="M3" s="1998" t="s">
        <v>471</v>
      </c>
      <c r="N3" s="1334" t="s">
        <v>472</v>
      </c>
      <c r="O3" s="1999" t="s">
        <v>473</v>
      </c>
      <c r="P3" s="2000" t="s">
        <v>474</v>
      </c>
      <c r="Q3" s="2000" t="s">
        <v>475</v>
      </c>
    </row>
    <row r="4" spans="1:18" s="1332" customFormat="1" ht="17.100000000000001" customHeight="1" x14ac:dyDescent="0.15">
      <c r="A4" s="2003"/>
      <c r="B4" s="1333" t="s">
        <v>476</v>
      </c>
      <c r="C4" s="1335" t="s">
        <v>477</v>
      </c>
      <c r="D4" s="1336" t="s">
        <v>477</v>
      </c>
      <c r="E4" s="1337" t="s">
        <v>478</v>
      </c>
      <c r="F4" s="1337" t="s">
        <v>478</v>
      </c>
      <c r="G4" s="1337" t="s">
        <v>478</v>
      </c>
      <c r="H4" s="1337" t="s">
        <v>479</v>
      </c>
      <c r="I4" s="2019" t="s">
        <v>480</v>
      </c>
      <c r="J4" s="2022" t="s">
        <v>481</v>
      </c>
      <c r="K4" s="2025" t="s">
        <v>482</v>
      </c>
      <c r="L4" s="2028" t="s">
        <v>483</v>
      </c>
      <c r="M4" s="1998"/>
      <c r="N4" s="1338" t="s">
        <v>484</v>
      </c>
      <c r="O4" s="1999"/>
      <c r="P4" s="2001"/>
      <c r="Q4" s="2001"/>
    </row>
    <row r="5" spans="1:18" s="1332" customFormat="1" ht="17.100000000000001" customHeight="1" x14ac:dyDescent="0.15">
      <c r="A5" s="2003"/>
      <c r="B5" s="1333"/>
      <c r="C5" s="1339"/>
      <c r="D5" s="1340"/>
      <c r="E5" s="1341"/>
      <c r="F5" s="1341"/>
      <c r="G5" s="1341"/>
      <c r="H5" s="1341"/>
      <c r="I5" s="2020"/>
      <c r="J5" s="2023"/>
      <c r="K5" s="2026"/>
      <c r="L5" s="2029"/>
      <c r="M5" s="1342" t="s">
        <v>485</v>
      </c>
      <c r="N5" s="1343" t="s">
        <v>486</v>
      </c>
      <c r="O5" s="1340" t="s">
        <v>487</v>
      </c>
      <c r="P5" s="1344" t="s">
        <v>487</v>
      </c>
      <c r="Q5" s="1344"/>
    </row>
    <row r="6" spans="1:18" s="1332" customFormat="1" ht="17.100000000000001" customHeight="1" x14ac:dyDescent="0.15">
      <c r="A6" s="2003"/>
      <c r="B6" s="1333"/>
      <c r="C6" s="1339"/>
      <c r="D6" s="1340"/>
      <c r="E6" s="1340"/>
      <c r="F6" s="1340"/>
      <c r="G6" s="1340"/>
      <c r="H6" s="1340"/>
      <c r="I6" s="2020"/>
      <c r="J6" s="2023"/>
      <c r="K6" s="2026"/>
      <c r="L6" s="2029"/>
      <c r="M6" s="1346"/>
      <c r="N6" s="1347"/>
      <c r="O6" s="1340"/>
      <c r="P6" s="1348"/>
      <c r="Q6" s="1348"/>
    </row>
    <row r="7" spans="1:18" s="1332" customFormat="1" ht="17.100000000000001" customHeight="1" thickBot="1" x14ac:dyDescent="0.2">
      <c r="A7" s="2004"/>
      <c r="B7" s="1349"/>
      <c r="C7" s="1350" t="s">
        <v>488</v>
      </c>
      <c r="D7" s="1351" t="s">
        <v>489</v>
      </c>
      <c r="E7" s="1351" t="s">
        <v>490</v>
      </c>
      <c r="F7" s="1351" t="s">
        <v>491</v>
      </c>
      <c r="G7" s="1351" t="s">
        <v>490</v>
      </c>
      <c r="H7" s="1351" t="s">
        <v>492</v>
      </c>
      <c r="I7" s="2021"/>
      <c r="J7" s="2024"/>
      <c r="K7" s="2027"/>
      <c r="L7" s="2030"/>
      <c r="M7" s="1352"/>
      <c r="N7" s="1353"/>
      <c r="O7" s="1354"/>
      <c r="P7" s="1355"/>
      <c r="Q7" s="1356"/>
    </row>
    <row r="8" spans="1:18" s="1345" customFormat="1" ht="17.100000000000001" customHeight="1" x14ac:dyDescent="0.15">
      <c r="A8" s="1992" t="s">
        <v>493</v>
      </c>
      <c r="B8" s="1357" t="s">
        <v>494</v>
      </c>
      <c r="C8" s="1358" t="s">
        <v>322</v>
      </c>
      <c r="D8" s="1359"/>
      <c r="E8" s="1359" t="s">
        <v>322</v>
      </c>
      <c r="F8" s="1359" t="s">
        <v>322</v>
      </c>
      <c r="G8" s="1359" t="s">
        <v>322</v>
      </c>
      <c r="H8" s="1359" t="s">
        <v>322</v>
      </c>
      <c r="I8" s="1359" t="s">
        <v>322</v>
      </c>
      <c r="J8" s="1359" t="s">
        <v>322</v>
      </c>
      <c r="K8" s="1360"/>
      <c r="L8" s="1361"/>
      <c r="M8" s="1362">
        <v>43282.309000000001</v>
      </c>
      <c r="N8" s="1363">
        <v>13000</v>
      </c>
      <c r="O8" s="1364">
        <v>66247.28</v>
      </c>
      <c r="P8" s="1365">
        <v>45046.968000000001</v>
      </c>
      <c r="Q8" s="1366"/>
      <c r="R8" s="1332"/>
    </row>
    <row r="9" spans="1:18" s="1345" customFormat="1" ht="17.100000000000001" customHeight="1" x14ac:dyDescent="0.15">
      <c r="A9" s="1992"/>
      <c r="B9" s="1357" t="s">
        <v>495</v>
      </c>
      <c r="C9" s="1358" t="s">
        <v>322</v>
      </c>
      <c r="D9" s="1359"/>
      <c r="E9" s="1359" t="s">
        <v>322</v>
      </c>
      <c r="F9" s="1359" t="s">
        <v>322</v>
      </c>
      <c r="G9" s="1359" t="s">
        <v>322</v>
      </c>
      <c r="H9" s="1359" t="s">
        <v>322</v>
      </c>
      <c r="I9" s="1359" t="s">
        <v>322</v>
      </c>
      <c r="J9" s="1359" t="s">
        <v>322</v>
      </c>
      <c r="K9" s="1360"/>
      <c r="L9" s="1361"/>
      <c r="M9" s="1362">
        <v>19028.41</v>
      </c>
      <c r="N9" s="1363">
        <v>22000</v>
      </c>
      <c r="O9" s="1364">
        <v>92214.93</v>
      </c>
      <c r="P9" s="1365">
        <v>31771.934000000001</v>
      </c>
      <c r="Q9" s="1367"/>
      <c r="R9" s="1332"/>
    </row>
    <row r="10" spans="1:18" s="1345" customFormat="1" ht="17.100000000000001" customHeight="1" x14ac:dyDescent="0.15">
      <c r="A10" s="1992"/>
      <c r="B10" s="1368" t="s">
        <v>496</v>
      </c>
      <c r="C10" s="1358" t="s">
        <v>322</v>
      </c>
      <c r="D10" s="1359"/>
      <c r="E10" s="1359" t="s">
        <v>322</v>
      </c>
      <c r="F10" s="1359" t="s">
        <v>322</v>
      </c>
      <c r="G10" s="1359" t="s">
        <v>322</v>
      </c>
      <c r="H10" s="1359" t="s">
        <v>322</v>
      </c>
      <c r="I10" s="1359" t="s">
        <v>322</v>
      </c>
      <c r="J10" s="1359" t="s">
        <v>322</v>
      </c>
      <c r="K10" s="1359"/>
      <c r="L10" s="1369"/>
      <c r="M10" s="1370">
        <v>26445.234</v>
      </c>
      <c r="N10" s="1363">
        <v>9000</v>
      </c>
      <c r="O10" s="1371">
        <v>43272.55</v>
      </c>
      <c r="P10" s="1372">
        <v>22969.556</v>
      </c>
      <c r="Q10" s="1373"/>
      <c r="R10" s="1332"/>
    </row>
    <row r="11" spans="1:18" s="1345" customFormat="1" ht="17.100000000000001" customHeight="1" x14ac:dyDescent="0.15">
      <c r="A11" s="1992"/>
      <c r="B11" s="1357" t="s">
        <v>497</v>
      </c>
      <c r="C11" s="1358" t="s">
        <v>322</v>
      </c>
      <c r="D11" s="1359"/>
      <c r="E11" s="1359" t="s">
        <v>322</v>
      </c>
      <c r="F11" s="1359" t="s">
        <v>322</v>
      </c>
      <c r="G11" s="1359" t="s">
        <v>322</v>
      </c>
      <c r="H11" s="1359" t="s">
        <v>322</v>
      </c>
      <c r="I11" s="1359" t="s">
        <v>322</v>
      </c>
      <c r="J11" s="1359" t="s">
        <v>322</v>
      </c>
      <c r="K11" s="1359"/>
      <c r="L11" s="1361"/>
      <c r="M11" s="1370">
        <v>38487.900999999998</v>
      </c>
      <c r="N11" s="1363">
        <v>35000</v>
      </c>
      <c r="O11" s="1371">
        <v>122766.64</v>
      </c>
      <c r="P11" s="1372">
        <v>55255.548999999999</v>
      </c>
      <c r="Q11" s="1367"/>
      <c r="R11" s="1332"/>
    </row>
    <row r="12" spans="1:18" s="1345" customFormat="1" ht="17.100000000000001" customHeight="1" x14ac:dyDescent="0.15">
      <c r="A12" s="1992"/>
      <c r="B12" s="1994" t="s">
        <v>498</v>
      </c>
      <c r="C12" s="1997">
        <v>4</v>
      </c>
      <c r="D12" s="1989">
        <v>0</v>
      </c>
      <c r="E12" s="1989">
        <v>4</v>
      </c>
      <c r="F12" s="1989">
        <v>4</v>
      </c>
      <c r="G12" s="1989">
        <v>4</v>
      </c>
      <c r="H12" s="1989">
        <v>4</v>
      </c>
      <c r="I12" s="1989">
        <v>4</v>
      </c>
      <c r="J12" s="1989">
        <v>4</v>
      </c>
      <c r="K12" s="1989">
        <v>0</v>
      </c>
      <c r="L12" s="1990">
        <v>0</v>
      </c>
      <c r="M12" s="1983">
        <v>127243.85399999999</v>
      </c>
      <c r="N12" s="1374">
        <v>79000</v>
      </c>
      <c r="O12" s="1970">
        <v>324501.40000000002</v>
      </c>
      <c r="P12" s="1955">
        <v>155044.00699999998</v>
      </c>
      <c r="Q12" s="1367"/>
      <c r="R12" s="1332"/>
    </row>
    <row r="13" spans="1:18" s="1345" customFormat="1" ht="17.100000000000001" customHeight="1" thickBot="1" x14ac:dyDescent="0.2">
      <c r="A13" s="1993"/>
      <c r="B13" s="1960"/>
      <c r="C13" s="1988"/>
      <c r="D13" s="1980"/>
      <c r="E13" s="1980"/>
      <c r="F13" s="1980"/>
      <c r="G13" s="1980"/>
      <c r="H13" s="1980"/>
      <c r="I13" s="1980"/>
      <c r="J13" s="1980"/>
      <c r="K13" s="1980"/>
      <c r="L13" s="1991"/>
      <c r="M13" s="1969"/>
      <c r="N13" s="1375">
        <v>4</v>
      </c>
      <c r="O13" s="1984"/>
      <c r="P13" s="1954"/>
      <c r="Q13" s="1376"/>
      <c r="R13" s="1332"/>
    </row>
    <row r="14" spans="1:18" s="1345" customFormat="1" ht="17.100000000000001" customHeight="1" x14ac:dyDescent="0.15">
      <c r="A14" s="1992" t="s">
        <v>500</v>
      </c>
      <c r="B14" s="1377" t="s">
        <v>501</v>
      </c>
      <c r="C14" s="1378" t="s">
        <v>322</v>
      </c>
      <c r="D14" s="1379"/>
      <c r="E14" s="1380" t="s">
        <v>322</v>
      </c>
      <c r="F14" s="1380" t="s">
        <v>322</v>
      </c>
      <c r="G14" s="1380" t="s">
        <v>322</v>
      </c>
      <c r="H14" s="1380" t="s">
        <v>322</v>
      </c>
      <c r="I14" s="1380" t="s">
        <v>322</v>
      </c>
      <c r="J14" s="1380" t="s">
        <v>322</v>
      </c>
      <c r="K14" s="1380"/>
      <c r="L14" s="1381"/>
      <c r="M14" s="1382">
        <v>2600.741</v>
      </c>
      <c r="N14" s="1383">
        <v>7500</v>
      </c>
      <c r="O14" s="1384">
        <v>49191</v>
      </c>
      <c r="P14" s="1385">
        <v>32940</v>
      </c>
      <c r="Q14" s="1367" t="s">
        <v>499</v>
      </c>
      <c r="R14" s="1332"/>
    </row>
    <row r="15" spans="1:18" s="1345" customFormat="1" ht="17.100000000000001" customHeight="1" x14ac:dyDescent="0.15">
      <c r="A15" s="1992"/>
      <c r="B15" s="1386" t="s">
        <v>502</v>
      </c>
      <c r="C15" s="1387" t="s">
        <v>322</v>
      </c>
      <c r="D15" s="1379"/>
      <c r="E15" s="1380" t="s">
        <v>322</v>
      </c>
      <c r="F15" s="1380"/>
      <c r="G15" s="1380" t="s">
        <v>322</v>
      </c>
      <c r="H15" s="1380" t="s">
        <v>322</v>
      </c>
      <c r="I15" s="1380"/>
      <c r="J15" s="1380"/>
      <c r="K15" s="1380"/>
      <c r="L15" s="1381"/>
      <c r="M15" s="1388" t="s">
        <v>570</v>
      </c>
      <c r="N15" s="1383">
        <v>7000</v>
      </c>
      <c r="O15" s="1384">
        <v>26018</v>
      </c>
      <c r="P15" s="1385">
        <v>10876</v>
      </c>
      <c r="Q15" s="1367"/>
      <c r="R15" s="1332"/>
    </row>
    <row r="16" spans="1:18" s="1345" customFormat="1" ht="17.100000000000001" customHeight="1" x14ac:dyDescent="0.15">
      <c r="A16" s="1992"/>
      <c r="B16" s="1389" t="s">
        <v>504</v>
      </c>
      <c r="C16" s="1387" t="s">
        <v>322</v>
      </c>
      <c r="D16" s="1390"/>
      <c r="E16" s="1391"/>
      <c r="F16" s="1380" t="s">
        <v>322</v>
      </c>
      <c r="G16" s="1380" t="s">
        <v>322</v>
      </c>
      <c r="H16" s="1380" t="s">
        <v>322</v>
      </c>
      <c r="I16" s="1391"/>
      <c r="J16" s="1380"/>
      <c r="K16" s="1391"/>
      <c r="L16" s="1392"/>
      <c r="M16" s="1388">
        <v>9800.7970000000005</v>
      </c>
      <c r="N16" s="1393">
        <v>14100</v>
      </c>
      <c r="O16" s="1394">
        <v>83581</v>
      </c>
      <c r="P16" s="1395">
        <v>61745</v>
      </c>
      <c r="Q16" s="1367"/>
      <c r="R16" s="1332"/>
    </row>
    <row r="17" spans="1:18" s="1345" customFormat="1" ht="17.100000000000001" customHeight="1" x14ac:dyDescent="0.15">
      <c r="A17" s="1992"/>
      <c r="B17" s="1994" t="s">
        <v>505</v>
      </c>
      <c r="C17" s="1995">
        <v>3</v>
      </c>
      <c r="D17" s="1989">
        <v>0</v>
      </c>
      <c r="E17" s="1989">
        <v>2</v>
      </c>
      <c r="F17" s="1989">
        <v>2</v>
      </c>
      <c r="G17" s="1989">
        <v>3</v>
      </c>
      <c r="H17" s="1989">
        <v>3</v>
      </c>
      <c r="I17" s="1989">
        <v>1</v>
      </c>
      <c r="J17" s="1989">
        <v>1</v>
      </c>
      <c r="K17" s="1989">
        <v>0</v>
      </c>
      <c r="L17" s="1990">
        <v>0</v>
      </c>
      <c r="M17" s="1983">
        <v>12401.538</v>
      </c>
      <c r="N17" s="1374">
        <v>28600</v>
      </c>
      <c r="O17" s="1970">
        <v>158790</v>
      </c>
      <c r="P17" s="1955">
        <v>105561</v>
      </c>
      <c r="Q17" s="1367"/>
      <c r="R17" s="1332"/>
    </row>
    <row r="18" spans="1:18" s="1345" customFormat="1" ht="17.100000000000001" customHeight="1" thickBot="1" x14ac:dyDescent="0.2">
      <c r="A18" s="1993"/>
      <c r="B18" s="1960"/>
      <c r="C18" s="1996"/>
      <c r="D18" s="1980"/>
      <c r="E18" s="1980"/>
      <c r="F18" s="1980"/>
      <c r="G18" s="1980"/>
      <c r="H18" s="1980"/>
      <c r="I18" s="1980"/>
      <c r="J18" s="1980"/>
      <c r="K18" s="1980"/>
      <c r="L18" s="1991"/>
      <c r="M18" s="1969"/>
      <c r="N18" s="1375">
        <v>3</v>
      </c>
      <c r="O18" s="1984"/>
      <c r="P18" s="1954"/>
      <c r="Q18" s="1376"/>
      <c r="R18" s="1332"/>
    </row>
    <row r="19" spans="1:18" s="1345" customFormat="1" ht="17.100000000000001" customHeight="1" x14ac:dyDescent="0.15">
      <c r="A19" s="1985" t="s">
        <v>506</v>
      </c>
      <c r="B19" s="1396" t="s">
        <v>507</v>
      </c>
      <c r="C19" s="1397" t="s">
        <v>322</v>
      </c>
      <c r="D19" s="1398" t="s">
        <v>322</v>
      </c>
      <c r="E19" s="1399" t="s">
        <v>322</v>
      </c>
      <c r="F19" s="1399" t="s">
        <v>322</v>
      </c>
      <c r="G19" s="1399" t="s">
        <v>322</v>
      </c>
      <c r="H19" s="1399" t="s">
        <v>322</v>
      </c>
      <c r="I19" s="1399" t="s">
        <v>322</v>
      </c>
      <c r="J19" s="1399" t="s">
        <v>322</v>
      </c>
      <c r="K19" s="1399" t="s">
        <v>322</v>
      </c>
      <c r="L19" s="1400"/>
      <c r="M19" s="1401">
        <v>48537</v>
      </c>
      <c r="N19" s="1402">
        <v>10000</v>
      </c>
      <c r="O19" s="1403">
        <v>46983</v>
      </c>
      <c r="P19" s="1404">
        <v>20086</v>
      </c>
      <c r="Q19" s="1405" t="s">
        <v>322</v>
      </c>
      <c r="R19" s="1332"/>
    </row>
    <row r="20" spans="1:18" s="1345" customFormat="1" ht="17.100000000000001" customHeight="1" x14ac:dyDescent="0.15">
      <c r="A20" s="1986"/>
      <c r="B20" s="1357" t="s">
        <v>508</v>
      </c>
      <c r="C20" s="1378" t="s">
        <v>322</v>
      </c>
      <c r="D20" s="1380" t="s">
        <v>322</v>
      </c>
      <c r="E20" s="1380" t="s">
        <v>322</v>
      </c>
      <c r="F20" s="1380" t="s">
        <v>322</v>
      </c>
      <c r="G20" s="1380" t="s">
        <v>322</v>
      </c>
      <c r="H20" s="1380" t="s">
        <v>322</v>
      </c>
      <c r="I20" s="1380" t="s">
        <v>322</v>
      </c>
      <c r="J20" s="1379" t="s">
        <v>322</v>
      </c>
      <c r="K20" s="1380"/>
      <c r="L20" s="1381"/>
      <c r="M20" s="1406">
        <v>24659.433000000001</v>
      </c>
      <c r="N20" s="1407">
        <v>2625</v>
      </c>
      <c r="O20" s="1364">
        <v>19246</v>
      </c>
      <c r="P20" s="1365">
        <v>9036</v>
      </c>
      <c r="Q20" s="1367" t="s">
        <v>284</v>
      </c>
      <c r="R20" s="1332"/>
    </row>
    <row r="21" spans="1:18" s="1345" customFormat="1" ht="17.100000000000001" customHeight="1" x14ac:dyDescent="0.15">
      <c r="A21" s="1986"/>
      <c r="B21" s="1977" t="s">
        <v>505</v>
      </c>
      <c r="C21" s="1979">
        <v>2</v>
      </c>
      <c r="D21" s="1964">
        <v>2</v>
      </c>
      <c r="E21" s="1964">
        <v>2</v>
      </c>
      <c r="F21" s="1964">
        <v>2</v>
      </c>
      <c r="G21" s="1964">
        <v>2</v>
      </c>
      <c r="H21" s="1964">
        <v>2</v>
      </c>
      <c r="I21" s="1964">
        <v>2</v>
      </c>
      <c r="J21" s="1964">
        <v>2</v>
      </c>
      <c r="K21" s="1964">
        <v>1</v>
      </c>
      <c r="L21" s="1981">
        <v>0</v>
      </c>
      <c r="M21" s="1983">
        <v>73196.433000000005</v>
      </c>
      <c r="N21" s="1393">
        <v>12625</v>
      </c>
      <c r="O21" s="1971">
        <v>66229</v>
      </c>
      <c r="P21" s="1955">
        <v>29122</v>
      </c>
      <c r="Q21" s="1367"/>
      <c r="R21" s="1332"/>
    </row>
    <row r="22" spans="1:18" s="1345" customFormat="1" ht="17.100000000000001" customHeight="1" thickBot="1" x14ac:dyDescent="0.2">
      <c r="A22" s="1987"/>
      <c r="B22" s="1960"/>
      <c r="C22" s="1988"/>
      <c r="D22" s="1980"/>
      <c r="E22" s="1980"/>
      <c r="F22" s="1980"/>
      <c r="G22" s="1980"/>
      <c r="H22" s="1980"/>
      <c r="I22" s="1980"/>
      <c r="J22" s="1980"/>
      <c r="K22" s="1980"/>
      <c r="L22" s="1982"/>
      <c r="M22" s="1969"/>
      <c r="N22" s="1408">
        <v>2</v>
      </c>
      <c r="O22" s="1972"/>
      <c r="P22" s="1973"/>
      <c r="Q22" s="1409"/>
      <c r="R22" s="1332"/>
    </row>
    <row r="23" spans="1:18" s="1345" customFormat="1" ht="17.100000000000001" customHeight="1" thickBot="1" x14ac:dyDescent="0.2">
      <c r="A23" s="1411" t="s">
        <v>509</v>
      </c>
      <c r="B23" s="1412" t="s">
        <v>503</v>
      </c>
      <c r="C23" s="1413"/>
      <c r="D23" s="1390"/>
      <c r="E23" s="1390"/>
      <c r="F23" s="1390"/>
      <c r="G23" s="1390" t="s">
        <v>322</v>
      </c>
      <c r="H23" s="1390" t="s">
        <v>322</v>
      </c>
      <c r="I23" s="1390"/>
      <c r="J23" s="1390"/>
      <c r="K23" s="1390"/>
      <c r="L23" s="1391"/>
      <c r="M23" s="1388" t="s">
        <v>570</v>
      </c>
      <c r="N23" s="1414">
        <v>6600</v>
      </c>
      <c r="O23" s="1415">
        <v>33667</v>
      </c>
      <c r="P23" s="1416">
        <v>24394</v>
      </c>
      <c r="Q23" s="1417" t="s">
        <v>322</v>
      </c>
    </row>
    <row r="24" spans="1:18" s="1345" customFormat="1" ht="16.5" customHeight="1" thickBot="1" x14ac:dyDescent="0.2">
      <c r="A24" s="1418" t="s">
        <v>510</v>
      </c>
      <c r="B24" s="1419" t="s">
        <v>511</v>
      </c>
      <c r="C24" s="1420" t="s">
        <v>322</v>
      </c>
      <c r="D24" s="1421" t="s">
        <v>322</v>
      </c>
      <c r="E24" s="1421"/>
      <c r="F24" s="1421"/>
      <c r="G24" s="1421" t="s">
        <v>499</v>
      </c>
      <c r="H24" s="1421" t="s">
        <v>499</v>
      </c>
      <c r="I24" s="1421"/>
      <c r="J24" s="1421" t="s">
        <v>499</v>
      </c>
      <c r="K24" s="1421"/>
      <c r="L24" s="1421"/>
      <c r="M24" s="1422">
        <v>12223</v>
      </c>
      <c r="N24" s="1423">
        <v>5900</v>
      </c>
      <c r="O24" s="1424">
        <v>34212.19</v>
      </c>
      <c r="P24" s="1416">
        <v>23228.142</v>
      </c>
      <c r="Q24" s="1417" t="s">
        <v>322</v>
      </c>
    </row>
    <row r="25" spans="1:18" s="1345" customFormat="1" ht="17.100000000000001" customHeight="1" x14ac:dyDescent="0.15">
      <c r="A25" s="1974" t="s">
        <v>512</v>
      </c>
      <c r="B25" s="1425" t="s">
        <v>513</v>
      </c>
      <c r="C25" s="1426" t="s">
        <v>499</v>
      </c>
      <c r="D25" s="1427" t="s">
        <v>499</v>
      </c>
      <c r="E25" s="1428"/>
      <c r="F25" s="1428"/>
      <c r="G25" s="1428" t="s">
        <v>322</v>
      </c>
      <c r="H25" s="1428" t="s">
        <v>322</v>
      </c>
      <c r="I25" s="1428"/>
      <c r="J25" s="1428"/>
      <c r="K25" s="1428"/>
      <c r="L25" s="1428"/>
      <c r="M25" s="1429">
        <v>2339.56</v>
      </c>
      <c r="N25" s="1430">
        <v>2100</v>
      </c>
      <c r="O25" s="1403">
        <v>3592</v>
      </c>
      <c r="P25" s="1404">
        <v>168</v>
      </c>
      <c r="Q25" s="1431" t="s">
        <v>284</v>
      </c>
    </row>
    <row r="26" spans="1:18" s="1345" customFormat="1" ht="17.100000000000001" customHeight="1" x14ac:dyDescent="0.15">
      <c r="A26" s="1975"/>
      <c r="B26" s="1357" t="s">
        <v>514</v>
      </c>
      <c r="C26" s="1378" t="s">
        <v>322</v>
      </c>
      <c r="D26" s="1379"/>
      <c r="E26" s="1380" t="s">
        <v>322</v>
      </c>
      <c r="F26" s="1380"/>
      <c r="G26" s="1380" t="s">
        <v>322</v>
      </c>
      <c r="H26" s="1380" t="s">
        <v>322</v>
      </c>
      <c r="I26" s="1380"/>
      <c r="J26" s="1380"/>
      <c r="K26" s="1380"/>
      <c r="L26" s="1380"/>
      <c r="M26" s="1406">
        <v>84670.925000000003</v>
      </c>
      <c r="N26" s="1432">
        <v>8440</v>
      </c>
      <c r="O26" s="1364">
        <v>39014</v>
      </c>
      <c r="P26" s="1365">
        <v>26230</v>
      </c>
      <c r="Q26" s="1405" t="s">
        <v>322</v>
      </c>
    </row>
    <row r="27" spans="1:18" s="1345" customFormat="1" ht="17.100000000000001" customHeight="1" x14ac:dyDescent="0.15">
      <c r="A27" s="1975"/>
      <c r="B27" s="1977" t="s">
        <v>515</v>
      </c>
      <c r="C27" s="1979">
        <v>2</v>
      </c>
      <c r="D27" s="1964">
        <v>1</v>
      </c>
      <c r="E27" s="1964">
        <v>1</v>
      </c>
      <c r="F27" s="1964">
        <v>0</v>
      </c>
      <c r="G27" s="1964">
        <v>2</v>
      </c>
      <c r="H27" s="1964">
        <v>2</v>
      </c>
      <c r="I27" s="1964">
        <v>0</v>
      </c>
      <c r="J27" s="1964">
        <v>0</v>
      </c>
      <c r="K27" s="1964">
        <v>0</v>
      </c>
      <c r="L27" s="1966">
        <v>0</v>
      </c>
      <c r="M27" s="1968">
        <v>87010.485000000001</v>
      </c>
      <c r="N27" s="1393">
        <v>10540</v>
      </c>
      <c r="O27" s="1970">
        <v>42606</v>
      </c>
      <c r="P27" s="1955">
        <v>26398</v>
      </c>
      <c r="Q27" s="1367"/>
    </row>
    <row r="28" spans="1:18" s="1345" customFormat="1" ht="17.100000000000001" customHeight="1" thickBot="1" x14ac:dyDescent="0.2">
      <c r="A28" s="1976"/>
      <c r="B28" s="1978"/>
      <c r="C28" s="1962"/>
      <c r="D28" s="1965"/>
      <c r="E28" s="1965"/>
      <c r="F28" s="1965"/>
      <c r="G28" s="1965"/>
      <c r="H28" s="1965"/>
      <c r="I28" s="1965"/>
      <c r="J28" s="1965"/>
      <c r="K28" s="1965"/>
      <c r="L28" s="1967"/>
      <c r="M28" s="1969"/>
      <c r="N28" s="1375">
        <v>2</v>
      </c>
      <c r="O28" s="1952"/>
      <c r="P28" s="1956"/>
      <c r="Q28" s="1433"/>
    </row>
    <row r="29" spans="1:18" s="1345" customFormat="1" ht="17.100000000000001" customHeight="1" thickBot="1" x14ac:dyDescent="0.2">
      <c r="A29" s="1418" t="s">
        <v>516</v>
      </c>
      <c r="B29" s="1419" t="s">
        <v>517</v>
      </c>
      <c r="C29" s="1420" t="s">
        <v>322</v>
      </c>
      <c r="D29" s="1434" t="s">
        <v>322</v>
      </c>
      <c r="E29" s="1421" t="s">
        <v>322</v>
      </c>
      <c r="F29" s="1421"/>
      <c r="G29" s="1421" t="s">
        <v>499</v>
      </c>
      <c r="H29" s="1421" t="s">
        <v>322</v>
      </c>
      <c r="I29" s="1421" t="s">
        <v>322</v>
      </c>
      <c r="J29" s="1421"/>
      <c r="K29" s="1421"/>
      <c r="L29" s="1435"/>
      <c r="M29" s="1406" t="s">
        <v>570</v>
      </c>
      <c r="N29" s="1423">
        <v>3000</v>
      </c>
      <c r="O29" s="1424">
        <v>18719</v>
      </c>
      <c r="P29" s="1416">
        <v>11515</v>
      </c>
      <c r="Q29" s="1436" t="s">
        <v>284</v>
      </c>
    </row>
    <row r="30" spans="1:18" s="1345" customFormat="1" ht="17.100000000000001" customHeight="1" thickBot="1" x14ac:dyDescent="0.2">
      <c r="A30" s="1418" t="s">
        <v>518</v>
      </c>
      <c r="B30" s="1419" t="s">
        <v>519</v>
      </c>
      <c r="C30" s="1420" t="s">
        <v>322</v>
      </c>
      <c r="D30" s="1437" t="s">
        <v>322</v>
      </c>
      <c r="E30" s="1438" t="s">
        <v>322</v>
      </c>
      <c r="F30" s="1438"/>
      <c r="G30" s="1438" t="s">
        <v>322</v>
      </c>
      <c r="H30" s="1421" t="s">
        <v>322</v>
      </c>
      <c r="I30" s="1421" t="s">
        <v>322</v>
      </c>
      <c r="J30" s="1421"/>
      <c r="K30" s="1421"/>
      <c r="L30" s="1435"/>
      <c r="M30" s="1422" t="s">
        <v>570</v>
      </c>
      <c r="N30" s="1439">
        <v>1200</v>
      </c>
      <c r="O30" s="1424">
        <v>9251</v>
      </c>
      <c r="P30" s="1416">
        <v>484</v>
      </c>
      <c r="Q30" s="1440" t="s">
        <v>284</v>
      </c>
    </row>
    <row r="31" spans="1:18" s="1345" customFormat="1" ht="17.100000000000001" customHeight="1" thickBot="1" x14ac:dyDescent="0.2">
      <c r="A31" s="1418" t="s">
        <v>520</v>
      </c>
      <c r="B31" s="1419" t="s">
        <v>521</v>
      </c>
      <c r="C31" s="1420"/>
      <c r="D31" s="1437"/>
      <c r="E31" s="1438" t="s">
        <v>322</v>
      </c>
      <c r="F31" s="1438" t="s">
        <v>322</v>
      </c>
      <c r="G31" s="1438" t="s">
        <v>322</v>
      </c>
      <c r="H31" s="1421" t="s">
        <v>322</v>
      </c>
      <c r="I31" s="1421" t="s">
        <v>322</v>
      </c>
      <c r="J31" s="1421"/>
      <c r="K31" s="1421"/>
      <c r="L31" s="1435"/>
      <c r="M31" s="1422">
        <v>79060.058550000002</v>
      </c>
      <c r="N31" s="1439">
        <v>3100</v>
      </c>
      <c r="O31" s="1424">
        <v>17201.77</v>
      </c>
      <c r="P31" s="1416">
        <v>7446.1440000000002</v>
      </c>
      <c r="Q31" s="1441" t="s">
        <v>284</v>
      </c>
    </row>
    <row r="32" spans="1:18" s="1345" customFormat="1" ht="39" customHeight="1" thickBot="1" x14ac:dyDescent="0.2">
      <c r="A32" s="1418" t="s">
        <v>522</v>
      </c>
      <c r="B32" s="1442" t="s">
        <v>523</v>
      </c>
      <c r="C32" s="1443" t="s">
        <v>317</v>
      </c>
      <c r="D32" s="1444" t="s">
        <v>317</v>
      </c>
      <c r="E32" s="1438"/>
      <c r="F32" s="1438"/>
      <c r="G32" s="1438" t="s">
        <v>317</v>
      </c>
      <c r="H32" s="1421" t="s">
        <v>499</v>
      </c>
      <c r="I32" s="1421"/>
      <c r="J32" s="1421"/>
      <c r="K32" s="1421"/>
      <c r="L32" s="1435" t="s">
        <v>499</v>
      </c>
      <c r="M32" s="1422" t="s">
        <v>570</v>
      </c>
      <c r="N32" s="1439">
        <v>3820</v>
      </c>
      <c r="O32" s="1424">
        <v>25895</v>
      </c>
      <c r="P32" s="1416">
        <v>17956.272000000001</v>
      </c>
      <c r="Q32" s="1436" t="s">
        <v>322</v>
      </c>
    </row>
    <row r="33" spans="1:17" s="1345" customFormat="1" ht="33.950000000000003" customHeight="1" thickBot="1" x14ac:dyDescent="0.2">
      <c r="A33" s="1445" t="s">
        <v>524</v>
      </c>
      <c r="B33" s="1446" t="s">
        <v>525</v>
      </c>
      <c r="C33" s="1378"/>
      <c r="D33" s="1359" t="s">
        <v>322</v>
      </c>
      <c r="E33" s="1447"/>
      <c r="F33" s="1447" t="s">
        <v>322</v>
      </c>
      <c r="G33" s="1447" t="s">
        <v>322</v>
      </c>
      <c r="H33" s="1447" t="s">
        <v>322</v>
      </c>
      <c r="I33" s="1447" t="s">
        <v>322</v>
      </c>
      <c r="J33" s="1447" t="s">
        <v>322</v>
      </c>
      <c r="K33" s="1447"/>
      <c r="L33" s="1361"/>
      <c r="M33" s="1448">
        <v>4993.3999999999996</v>
      </c>
      <c r="N33" s="1449">
        <v>4870</v>
      </c>
      <c r="O33" s="1364">
        <v>35292</v>
      </c>
      <c r="P33" s="1365">
        <v>25009</v>
      </c>
      <c r="Q33" s="1417" t="s">
        <v>322</v>
      </c>
    </row>
    <row r="34" spans="1:17" s="1345" customFormat="1" ht="17.100000000000001" customHeight="1" x14ac:dyDescent="0.15">
      <c r="A34" s="1957" t="s">
        <v>526</v>
      </c>
      <c r="B34" s="1959" t="s">
        <v>571</v>
      </c>
      <c r="C34" s="1961">
        <v>15</v>
      </c>
      <c r="D34" s="1944">
        <v>8</v>
      </c>
      <c r="E34" s="1944">
        <v>12</v>
      </c>
      <c r="F34" s="1944">
        <v>10</v>
      </c>
      <c r="G34" s="1944">
        <v>18</v>
      </c>
      <c r="H34" s="1944">
        <v>18</v>
      </c>
      <c r="I34" s="1944">
        <v>11</v>
      </c>
      <c r="J34" s="1944">
        <v>9</v>
      </c>
      <c r="K34" s="1944">
        <v>1</v>
      </c>
      <c r="L34" s="1947">
        <v>1</v>
      </c>
      <c r="M34" s="1949">
        <v>396128.76855000004</v>
      </c>
      <c r="N34" s="1450">
        <v>159255</v>
      </c>
      <c r="O34" s="1951">
        <v>766364.3600000001</v>
      </c>
      <c r="P34" s="1953">
        <v>426157.56499999994</v>
      </c>
      <c r="Q34" s="1942">
        <v>7</v>
      </c>
    </row>
    <row r="35" spans="1:17" s="1345" customFormat="1" ht="17.100000000000001" customHeight="1" thickBot="1" x14ac:dyDescent="0.2">
      <c r="A35" s="1958"/>
      <c r="B35" s="1960"/>
      <c r="C35" s="1962"/>
      <c r="D35" s="1963"/>
      <c r="E35" s="1963"/>
      <c r="F35" s="1945"/>
      <c r="G35" s="1945"/>
      <c r="H35" s="1945"/>
      <c r="I35" s="1945"/>
      <c r="J35" s="1945"/>
      <c r="K35" s="1946"/>
      <c r="L35" s="1948"/>
      <c r="M35" s="1950"/>
      <c r="N35" s="1451">
        <v>18</v>
      </c>
      <c r="O35" s="1952"/>
      <c r="P35" s="1954"/>
      <c r="Q35" s="1943"/>
    </row>
    <row r="36" spans="1:17" s="1345" customFormat="1" ht="17.100000000000001" customHeight="1" x14ac:dyDescent="0.15">
      <c r="A36" s="1452" t="s">
        <v>527</v>
      </c>
      <c r="B36" s="684"/>
      <c r="C36" s="684"/>
      <c r="D36" s="684"/>
      <c r="E36" s="684"/>
      <c r="F36" s="684"/>
      <c r="G36" s="684"/>
      <c r="H36" s="684"/>
      <c r="I36" s="684"/>
      <c r="J36" s="684"/>
      <c r="K36" s="684"/>
      <c r="L36" s="684"/>
      <c r="M36" s="1453"/>
      <c r="N36" s="1454"/>
      <c r="O36" s="1455"/>
      <c r="P36" s="1456"/>
      <c r="Q36" s="1457"/>
    </row>
    <row r="37" spans="1:17" s="1345" customFormat="1" ht="17.100000000000001" customHeight="1" x14ac:dyDescent="0.15">
      <c r="A37" s="1345" t="s">
        <v>528</v>
      </c>
      <c r="B37" s="1410"/>
      <c r="C37" s="1410"/>
      <c r="D37" s="1410"/>
      <c r="E37" s="1410"/>
      <c r="F37" s="1410"/>
      <c r="G37" s="1410"/>
      <c r="H37" s="1410"/>
      <c r="I37" s="1410"/>
      <c r="J37" s="1410"/>
      <c r="K37" s="1410"/>
      <c r="L37" s="1410"/>
      <c r="M37" s="1410"/>
      <c r="N37" s="1410"/>
      <c r="O37" s="1410"/>
      <c r="P37" s="1410"/>
      <c r="Q37" s="1410"/>
    </row>
    <row r="38" spans="1:17" s="1410" customFormat="1" ht="17.100000000000001" customHeight="1" x14ac:dyDescent="0.15">
      <c r="A38" s="1345"/>
    </row>
    <row r="39" spans="1:17" s="1410" customFormat="1" ht="17.100000000000001" customHeight="1" x14ac:dyDescent="0.15">
      <c r="A39" s="1458"/>
    </row>
    <row r="40" spans="1:17" s="1410" customFormat="1" ht="17.100000000000001" customHeight="1" x14ac:dyDescent="0.15">
      <c r="A40" s="1459"/>
      <c r="B40" s="1460"/>
      <c r="C40" s="1461"/>
      <c r="D40" s="1461"/>
      <c r="E40" s="1461"/>
      <c r="F40" s="1461"/>
      <c r="G40" s="1461"/>
      <c r="H40" s="1461"/>
      <c r="I40" s="1461"/>
      <c r="J40" s="1461"/>
      <c r="K40" s="1461"/>
      <c r="L40" s="1461"/>
      <c r="M40" s="1461"/>
      <c r="N40" s="1461"/>
      <c r="O40" s="1461"/>
      <c r="P40" s="1461"/>
      <c r="Q40" s="1461"/>
    </row>
    <row r="41" spans="1:17" ht="17.100000000000001" customHeight="1" x14ac:dyDescent="0.15"/>
    <row r="42" spans="1:17" ht="24" customHeight="1" x14ac:dyDescent="0.15"/>
    <row r="43" spans="1:17" ht="24" customHeight="1" x14ac:dyDescent="0.15"/>
    <row r="44" spans="1:17" ht="24" customHeight="1" x14ac:dyDescent="0.15"/>
    <row r="56" spans="1:17" s="1460" customFormat="1" ht="16.5" customHeight="1" x14ac:dyDescent="0.15">
      <c r="A56" s="1459"/>
      <c r="C56" s="1461"/>
      <c r="D56" s="1461"/>
      <c r="E56" s="1461"/>
      <c r="F56" s="1461"/>
      <c r="G56" s="1461"/>
      <c r="H56" s="1461"/>
      <c r="I56" s="1461"/>
      <c r="J56" s="1461"/>
      <c r="K56" s="1461"/>
      <c r="L56" s="1461"/>
      <c r="M56" s="1461"/>
      <c r="N56" s="1461"/>
      <c r="O56" s="1461"/>
      <c r="P56" s="1461"/>
      <c r="Q56" s="1461"/>
    </row>
  </sheetData>
  <mergeCells count="91">
    <mergeCell ref="M3:M4"/>
    <mergeCell ref="O3:O4"/>
    <mergeCell ref="P3:P4"/>
    <mergeCell ref="Q3:Q4"/>
    <mergeCell ref="A2:A7"/>
    <mergeCell ref="C2:H2"/>
    <mergeCell ref="I2:L2"/>
    <mergeCell ref="C3:D3"/>
    <mergeCell ref="E3:F3"/>
    <mergeCell ref="G3:H3"/>
    <mergeCell ref="I3:L3"/>
    <mergeCell ref="I4:I7"/>
    <mergeCell ref="J4:J7"/>
    <mergeCell ref="K4:K7"/>
    <mergeCell ref="L4:L7"/>
    <mergeCell ref="A8:A13"/>
    <mergeCell ref="B12:B13"/>
    <mergeCell ref="C12:C13"/>
    <mergeCell ref="D12:D13"/>
    <mergeCell ref="E12:E13"/>
    <mergeCell ref="L12:L13"/>
    <mergeCell ref="M12:M13"/>
    <mergeCell ref="O12:O13"/>
    <mergeCell ref="P12:P13"/>
    <mergeCell ref="A14:A18"/>
    <mergeCell ref="B17:B18"/>
    <mergeCell ref="C17:C18"/>
    <mergeCell ref="D17:D18"/>
    <mergeCell ref="E17:E18"/>
    <mergeCell ref="F17:F18"/>
    <mergeCell ref="F12:F13"/>
    <mergeCell ref="G12:G13"/>
    <mergeCell ref="H12:H13"/>
    <mergeCell ref="I12:I13"/>
    <mergeCell ref="J12:J13"/>
    <mergeCell ref="K12:K13"/>
    <mergeCell ref="M17:M18"/>
    <mergeCell ref="O17:O18"/>
    <mergeCell ref="P17:P18"/>
    <mergeCell ref="A19:A22"/>
    <mergeCell ref="B21:B22"/>
    <mergeCell ref="C21:C22"/>
    <mergeCell ref="D21:D22"/>
    <mergeCell ref="E21:E22"/>
    <mergeCell ref="F21:F22"/>
    <mergeCell ref="G21:G22"/>
    <mergeCell ref="G17:G18"/>
    <mergeCell ref="H17:H18"/>
    <mergeCell ref="I17:I18"/>
    <mergeCell ref="J17:J18"/>
    <mergeCell ref="K17:K18"/>
    <mergeCell ref="L17:L18"/>
    <mergeCell ref="O21:O22"/>
    <mergeCell ref="P21:P22"/>
    <mergeCell ref="A25:A28"/>
    <mergeCell ref="B27:B28"/>
    <mergeCell ref="C27:C28"/>
    <mergeCell ref="D27:D28"/>
    <mergeCell ref="E27:E28"/>
    <mergeCell ref="F27:F28"/>
    <mergeCell ref="G27:G28"/>
    <mergeCell ref="H27:H28"/>
    <mergeCell ref="H21:H22"/>
    <mergeCell ref="I21:I22"/>
    <mergeCell ref="J21:J22"/>
    <mergeCell ref="K21:K22"/>
    <mergeCell ref="L21:L22"/>
    <mergeCell ref="M21:M22"/>
    <mergeCell ref="P27:P28"/>
    <mergeCell ref="A34:A35"/>
    <mergeCell ref="B34:B35"/>
    <mergeCell ref="C34:C35"/>
    <mergeCell ref="D34:D35"/>
    <mergeCell ref="E34:E35"/>
    <mergeCell ref="F34:F35"/>
    <mergeCell ref="G34:G35"/>
    <mergeCell ref="H34:H35"/>
    <mergeCell ref="I34:I35"/>
    <mergeCell ref="I27:I28"/>
    <mergeCell ref="J27:J28"/>
    <mergeCell ref="K27:K28"/>
    <mergeCell ref="L27:L28"/>
    <mergeCell ref="M27:M28"/>
    <mergeCell ref="O27:O28"/>
    <mergeCell ref="Q34:Q35"/>
    <mergeCell ref="J34:J35"/>
    <mergeCell ref="K34:K35"/>
    <mergeCell ref="L34:L35"/>
    <mergeCell ref="M34:M35"/>
    <mergeCell ref="O34:O35"/>
    <mergeCell ref="P34:P35"/>
  </mergeCells>
  <phoneticPr fontId="3"/>
  <pageMargins left="0.59055118110236227" right="0.59055118110236227" top="0.78740157480314965" bottom="0.78740157480314965" header="0.51181102362204722" footer="0.39370078740157483"/>
  <pageSetup paperSize="9" scale="85" orientation="portrait"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D33CEB-5842-41FA-92E1-07B15D680666}">
  <sheetPr>
    <pageSetUpPr fitToPage="1"/>
  </sheetPr>
  <dimension ref="A1:K65"/>
  <sheetViews>
    <sheetView zoomScaleNormal="100" zoomScaleSheetLayoutView="100" workbookViewId="0">
      <selection activeCell="L4" sqref="L4"/>
    </sheetView>
  </sheetViews>
  <sheetFormatPr defaultRowHeight="14.25" x14ac:dyDescent="0.15"/>
  <cols>
    <col min="2" max="4" width="9.625" customWidth="1"/>
    <col min="5" max="5" width="10.625" style="1508" customWidth="1"/>
    <col min="6" max="7" width="9.625" customWidth="1"/>
    <col min="8" max="9" width="10.625" customWidth="1"/>
    <col min="10" max="10" width="1.5" customWidth="1"/>
    <col min="11" max="11" width="9.625" customWidth="1"/>
    <col min="12" max="12" width="4.5" customWidth="1"/>
  </cols>
  <sheetData>
    <row r="1" spans="1:11" x14ac:dyDescent="0.15">
      <c r="E1"/>
    </row>
    <row r="2" spans="1:11" x14ac:dyDescent="0.15">
      <c r="A2" s="866" t="s">
        <v>530</v>
      </c>
      <c r="E2"/>
    </row>
    <row r="3" spans="1:11" x14ac:dyDescent="0.15">
      <c r="A3" s="866"/>
      <c r="E3"/>
    </row>
    <row r="4" spans="1:11" s="1462" customFormat="1" ht="17.100000000000001" customHeight="1" thickBot="1" x14ac:dyDescent="0.2">
      <c r="D4" s="1463"/>
      <c r="K4" s="1464"/>
    </row>
    <row r="5" spans="1:11" s="1470" customFormat="1" ht="17.100000000000001" customHeight="1" thickBot="1" x14ac:dyDescent="0.2">
      <c r="A5" s="1465"/>
      <c r="B5" s="1465"/>
      <c r="C5" s="1466"/>
      <c r="D5" s="1467"/>
      <c r="E5" s="1468"/>
      <c r="F5" s="1467"/>
      <c r="G5" s="1467"/>
      <c r="H5" s="1468"/>
      <c r="I5" s="1469" t="s">
        <v>531</v>
      </c>
      <c r="K5" s="2031" t="s">
        <v>532</v>
      </c>
    </row>
    <row r="6" spans="1:11" s="1470" customFormat="1" ht="17.100000000000001" customHeight="1" x14ac:dyDescent="0.15">
      <c r="A6" s="1471"/>
      <c r="B6" s="1465"/>
      <c r="C6" s="1466"/>
      <c r="D6" s="1467"/>
      <c r="E6" s="1472" t="s">
        <v>533</v>
      </c>
      <c r="F6" s="1465"/>
      <c r="G6" s="1467"/>
      <c r="H6" s="1473" t="s">
        <v>534</v>
      </c>
      <c r="I6" s="2034" t="s">
        <v>256</v>
      </c>
      <c r="K6" s="2032"/>
    </row>
    <row r="7" spans="1:11" s="1470" customFormat="1" ht="17.100000000000001" customHeight="1" x14ac:dyDescent="0.15">
      <c r="A7" s="1474" t="s">
        <v>535</v>
      </c>
      <c r="B7" s="1471"/>
      <c r="E7" s="1475" t="s">
        <v>536</v>
      </c>
      <c r="F7" s="1471"/>
      <c r="H7" s="1475" t="s">
        <v>537</v>
      </c>
      <c r="I7" s="2035"/>
      <c r="K7" s="2032"/>
    </row>
    <row r="8" spans="1:11" s="1470" customFormat="1" ht="17.100000000000001" customHeight="1" x14ac:dyDescent="0.15">
      <c r="A8" s="1471"/>
      <c r="B8" s="1476" t="s">
        <v>538</v>
      </c>
      <c r="C8" s="1477" t="s">
        <v>539</v>
      </c>
      <c r="D8" s="1478" t="s">
        <v>540</v>
      </c>
      <c r="E8" s="1479" t="s">
        <v>541</v>
      </c>
      <c r="F8" s="1480" t="s">
        <v>542</v>
      </c>
      <c r="G8" s="1477" t="s">
        <v>543</v>
      </c>
      <c r="H8" s="1481" t="s">
        <v>544</v>
      </c>
      <c r="I8" s="1482" t="s">
        <v>545</v>
      </c>
      <c r="K8" s="2032"/>
    </row>
    <row r="9" spans="1:11" s="1489" customFormat="1" ht="17.100000000000001" customHeight="1" thickBot="1" x14ac:dyDescent="0.2">
      <c r="A9" s="1483"/>
      <c r="B9" s="1484" t="s">
        <v>272</v>
      </c>
      <c r="C9" s="1485" t="s">
        <v>271</v>
      </c>
      <c r="D9" s="1486" t="s">
        <v>546</v>
      </c>
      <c r="E9" s="1487" t="s">
        <v>547</v>
      </c>
      <c r="F9" s="1486" t="s">
        <v>272</v>
      </c>
      <c r="G9" s="1485" t="s">
        <v>271</v>
      </c>
      <c r="H9" s="1488" t="s">
        <v>548</v>
      </c>
      <c r="I9" s="1488"/>
      <c r="K9" s="2033"/>
    </row>
    <row r="10" spans="1:11" s="1462" customFormat="1" ht="21" customHeight="1" x14ac:dyDescent="0.15">
      <c r="A10" s="888" t="s">
        <v>37</v>
      </c>
      <c r="B10" s="1490">
        <v>630845</v>
      </c>
      <c r="C10" s="937">
        <v>4069</v>
      </c>
      <c r="D10" s="1301">
        <v>122490</v>
      </c>
      <c r="E10" s="1303">
        <v>757404</v>
      </c>
      <c r="F10" s="889">
        <v>234967</v>
      </c>
      <c r="G10" s="1302">
        <v>42385</v>
      </c>
      <c r="H10" s="1303">
        <v>277352</v>
      </c>
      <c r="I10" s="1491">
        <v>1034756</v>
      </c>
      <c r="K10" s="1491">
        <v>550.26379884260609</v>
      </c>
    </row>
    <row r="11" spans="1:11" ht="21" customHeight="1" x14ac:dyDescent="0.15">
      <c r="A11" s="903" t="s">
        <v>36</v>
      </c>
      <c r="B11" s="1492">
        <v>275126</v>
      </c>
      <c r="C11" s="905">
        <v>202</v>
      </c>
      <c r="D11" s="1293">
        <v>30781</v>
      </c>
      <c r="E11" s="1294">
        <v>306109</v>
      </c>
      <c r="F11" s="904">
        <v>83082</v>
      </c>
      <c r="G11" s="1290">
        <v>5992</v>
      </c>
      <c r="H11" s="1294">
        <v>89074</v>
      </c>
      <c r="I11" s="1493">
        <v>395183</v>
      </c>
      <c r="K11" s="1493">
        <v>540.44418085495431</v>
      </c>
    </row>
    <row r="12" spans="1:11" ht="21" customHeight="1" x14ac:dyDescent="0.15">
      <c r="A12" s="903" t="s">
        <v>35</v>
      </c>
      <c r="B12" s="1494">
        <v>143075</v>
      </c>
      <c r="C12" s="918">
        <v>9363</v>
      </c>
      <c r="D12" s="1295">
        <v>2645</v>
      </c>
      <c r="E12" s="1297">
        <v>155083</v>
      </c>
      <c r="F12" s="917">
        <v>45704</v>
      </c>
      <c r="G12" s="1296">
        <v>0</v>
      </c>
      <c r="H12" s="1297">
        <v>45704</v>
      </c>
      <c r="I12" s="1495">
        <v>200787</v>
      </c>
      <c r="K12" s="1495">
        <v>587.19341102073463</v>
      </c>
    </row>
    <row r="13" spans="1:11" ht="21" customHeight="1" x14ac:dyDescent="0.15">
      <c r="A13" s="903" t="s">
        <v>34</v>
      </c>
      <c r="B13" s="1494">
        <v>69781</v>
      </c>
      <c r="C13" s="918">
        <v>2678</v>
      </c>
      <c r="D13" s="1296">
        <v>14500</v>
      </c>
      <c r="E13" s="1297">
        <v>86959</v>
      </c>
      <c r="F13" s="917">
        <v>18339</v>
      </c>
      <c r="G13" s="1296">
        <v>3928</v>
      </c>
      <c r="H13" s="1297">
        <v>22267</v>
      </c>
      <c r="I13" s="1495">
        <v>109226</v>
      </c>
      <c r="K13" s="1495">
        <v>641.74979492146167</v>
      </c>
    </row>
    <row r="14" spans="1:11" ht="21" customHeight="1" thickBot="1" x14ac:dyDescent="0.2">
      <c r="A14" s="924" t="s">
        <v>33</v>
      </c>
      <c r="B14" s="1496">
        <v>53332</v>
      </c>
      <c r="C14" s="926">
        <v>1345</v>
      </c>
      <c r="D14" s="1298">
        <v>0</v>
      </c>
      <c r="E14" s="1300">
        <v>54677</v>
      </c>
      <c r="F14" s="925">
        <v>14391</v>
      </c>
      <c r="G14" s="1299">
        <v>3115</v>
      </c>
      <c r="H14" s="1300">
        <v>17506</v>
      </c>
      <c r="I14" s="1497">
        <v>72183</v>
      </c>
      <c r="K14" s="1497">
        <v>579.76623577676287</v>
      </c>
    </row>
    <row r="15" spans="1:11" ht="21" customHeight="1" x14ac:dyDescent="0.15">
      <c r="A15" s="888" t="s">
        <v>32</v>
      </c>
      <c r="B15" s="1490">
        <v>38122</v>
      </c>
      <c r="C15" s="937">
        <v>1086</v>
      </c>
      <c r="D15" s="1301">
        <v>0</v>
      </c>
      <c r="E15" s="1303">
        <v>39208</v>
      </c>
      <c r="F15" s="889">
        <v>8020</v>
      </c>
      <c r="G15" s="1302">
        <v>6052</v>
      </c>
      <c r="H15" s="1303">
        <v>14072</v>
      </c>
      <c r="I15" s="1498">
        <v>53280</v>
      </c>
      <c r="K15" s="1498">
        <v>631.11275796500581</v>
      </c>
    </row>
    <row r="16" spans="1:11" ht="21" customHeight="1" x14ac:dyDescent="0.15">
      <c r="A16" s="903" t="s">
        <v>31</v>
      </c>
      <c r="B16" s="1494">
        <v>72451</v>
      </c>
      <c r="C16" s="918">
        <v>2600</v>
      </c>
      <c r="D16" s="1295">
        <v>18400</v>
      </c>
      <c r="E16" s="1297">
        <v>93451</v>
      </c>
      <c r="F16" s="917">
        <v>24306</v>
      </c>
      <c r="G16" s="1296">
        <v>3185</v>
      </c>
      <c r="H16" s="1297">
        <v>27491</v>
      </c>
      <c r="I16" s="1495">
        <v>120942</v>
      </c>
      <c r="K16" s="1495">
        <v>576.96022144169308</v>
      </c>
    </row>
    <row r="17" spans="1:11" ht="21" customHeight="1" x14ac:dyDescent="0.15">
      <c r="A17" s="903" t="s">
        <v>30</v>
      </c>
      <c r="B17" s="1494">
        <v>44846</v>
      </c>
      <c r="C17" s="918">
        <v>1913</v>
      </c>
      <c r="D17" s="1295">
        <v>0</v>
      </c>
      <c r="E17" s="1297">
        <v>46759</v>
      </c>
      <c r="F17" s="917">
        <v>12646</v>
      </c>
      <c r="G17" s="1296">
        <v>1526</v>
      </c>
      <c r="H17" s="1297">
        <v>14172</v>
      </c>
      <c r="I17" s="1495">
        <v>60931</v>
      </c>
      <c r="K17" s="1495">
        <v>689.02062818039701</v>
      </c>
    </row>
    <row r="18" spans="1:11" ht="21" customHeight="1" x14ac:dyDescent="0.15">
      <c r="A18" s="903" t="s">
        <v>29</v>
      </c>
      <c r="B18" s="1494">
        <v>48026</v>
      </c>
      <c r="C18" s="918">
        <v>3507</v>
      </c>
      <c r="D18" s="1295">
        <v>0</v>
      </c>
      <c r="E18" s="1297">
        <v>51533</v>
      </c>
      <c r="F18" s="917">
        <v>9891</v>
      </c>
      <c r="G18" s="1296">
        <v>1357</v>
      </c>
      <c r="H18" s="1297">
        <v>11248</v>
      </c>
      <c r="I18" s="1495">
        <v>62781</v>
      </c>
      <c r="K18" s="1495">
        <v>575.28676007099295</v>
      </c>
    </row>
    <row r="19" spans="1:11" ht="21" customHeight="1" thickBot="1" x14ac:dyDescent="0.2">
      <c r="A19" s="924" t="s">
        <v>28</v>
      </c>
      <c r="B19" s="1496">
        <v>10040</v>
      </c>
      <c r="C19" s="926">
        <v>0</v>
      </c>
      <c r="D19" s="1298">
        <v>2626</v>
      </c>
      <c r="E19" s="1300">
        <v>12666</v>
      </c>
      <c r="F19" s="925">
        <v>1802</v>
      </c>
      <c r="G19" s="1299">
        <v>2084</v>
      </c>
      <c r="H19" s="1300">
        <v>3886</v>
      </c>
      <c r="I19" s="1497">
        <v>16552</v>
      </c>
      <c r="K19" s="1497">
        <v>593.30751372954614</v>
      </c>
    </row>
    <row r="20" spans="1:11" ht="21" customHeight="1" x14ac:dyDescent="0.15">
      <c r="A20" s="888" t="s">
        <v>27</v>
      </c>
      <c r="B20" s="1490">
        <v>9247</v>
      </c>
      <c r="C20" s="937">
        <v>1445</v>
      </c>
      <c r="D20" s="1301">
        <v>179</v>
      </c>
      <c r="E20" s="1303">
        <v>10871</v>
      </c>
      <c r="F20" s="889">
        <v>2539</v>
      </c>
      <c r="G20" s="1302">
        <v>587</v>
      </c>
      <c r="H20" s="1303">
        <v>3126</v>
      </c>
      <c r="I20" s="1498">
        <v>13997</v>
      </c>
      <c r="K20" s="1498">
        <v>753.11810361937989</v>
      </c>
    </row>
    <row r="21" spans="1:11" ht="21" customHeight="1" x14ac:dyDescent="0.15">
      <c r="A21" s="903" t="s">
        <v>26</v>
      </c>
      <c r="B21" s="1494">
        <v>35383</v>
      </c>
      <c r="C21" s="918">
        <v>382</v>
      </c>
      <c r="D21" s="1295">
        <v>160</v>
      </c>
      <c r="E21" s="1297">
        <v>35925</v>
      </c>
      <c r="F21" s="917">
        <v>7762</v>
      </c>
      <c r="G21" s="1296">
        <v>112</v>
      </c>
      <c r="H21" s="1297">
        <v>7874</v>
      </c>
      <c r="I21" s="1495">
        <v>43799</v>
      </c>
      <c r="K21" s="1495">
        <v>612.64227625638989</v>
      </c>
    </row>
    <row r="22" spans="1:11" ht="21" customHeight="1" x14ac:dyDescent="0.15">
      <c r="A22" s="903" t="s">
        <v>25</v>
      </c>
      <c r="B22" s="1494">
        <v>47483</v>
      </c>
      <c r="C22" s="918">
        <v>510</v>
      </c>
      <c r="D22" s="1295">
        <v>0</v>
      </c>
      <c r="E22" s="1297">
        <v>47993</v>
      </c>
      <c r="F22" s="917">
        <v>14479</v>
      </c>
      <c r="G22" s="1296">
        <v>780</v>
      </c>
      <c r="H22" s="1297">
        <v>15259</v>
      </c>
      <c r="I22" s="1495">
        <v>63252</v>
      </c>
      <c r="K22" s="1495">
        <v>587.77523527910421</v>
      </c>
    </row>
    <row r="23" spans="1:11" ht="21" customHeight="1" x14ac:dyDescent="0.15">
      <c r="A23" s="903" t="s">
        <v>24</v>
      </c>
      <c r="B23" s="1494">
        <v>45877</v>
      </c>
      <c r="C23" s="918">
        <v>1590</v>
      </c>
      <c r="D23" s="1295">
        <v>0</v>
      </c>
      <c r="E23" s="1297">
        <v>47467</v>
      </c>
      <c r="F23" s="917">
        <v>12552</v>
      </c>
      <c r="G23" s="1296">
        <v>3037</v>
      </c>
      <c r="H23" s="1297">
        <v>15589</v>
      </c>
      <c r="I23" s="1495">
        <v>63056</v>
      </c>
      <c r="K23" s="1495">
        <v>532.73105218675664</v>
      </c>
    </row>
    <row r="24" spans="1:11" ht="21" customHeight="1" thickBot="1" x14ac:dyDescent="0.2">
      <c r="A24" s="924" t="s">
        <v>23</v>
      </c>
      <c r="B24" s="1496">
        <v>19885</v>
      </c>
      <c r="C24" s="926">
        <v>387</v>
      </c>
      <c r="D24" s="1298">
        <v>2282</v>
      </c>
      <c r="E24" s="1300">
        <v>22554</v>
      </c>
      <c r="F24" s="925">
        <v>4880</v>
      </c>
      <c r="G24" s="1299">
        <v>106</v>
      </c>
      <c r="H24" s="1300">
        <v>4986</v>
      </c>
      <c r="I24" s="1497">
        <v>27540</v>
      </c>
      <c r="K24" s="1497">
        <v>610.08432548001463</v>
      </c>
    </row>
    <row r="25" spans="1:11" ht="21" customHeight="1" x14ac:dyDescent="0.15">
      <c r="A25" s="888" t="s">
        <v>22</v>
      </c>
      <c r="B25" s="1490">
        <v>26694</v>
      </c>
      <c r="C25" s="937">
        <v>0</v>
      </c>
      <c r="D25" s="1301">
        <v>0</v>
      </c>
      <c r="E25" s="1303">
        <v>26694</v>
      </c>
      <c r="F25" s="889">
        <v>7538</v>
      </c>
      <c r="G25" s="1302">
        <v>9</v>
      </c>
      <c r="H25" s="1303">
        <v>7547</v>
      </c>
      <c r="I25" s="1498">
        <v>34241</v>
      </c>
      <c r="K25" s="1498">
        <v>517.66928972608559</v>
      </c>
    </row>
    <row r="26" spans="1:11" ht="21" customHeight="1" x14ac:dyDescent="0.15">
      <c r="A26" s="903" t="s">
        <v>21</v>
      </c>
      <c r="B26" s="1494">
        <v>25795</v>
      </c>
      <c r="C26" s="918">
        <v>0</v>
      </c>
      <c r="D26" s="1295">
        <v>204</v>
      </c>
      <c r="E26" s="1297">
        <v>25999</v>
      </c>
      <c r="F26" s="917">
        <v>5348</v>
      </c>
      <c r="G26" s="1296">
        <v>0</v>
      </c>
      <c r="H26" s="1297">
        <v>5348</v>
      </c>
      <c r="I26" s="1495">
        <v>31347</v>
      </c>
      <c r="K26" s="1495">
        <v>540.28532734341672</v>
      </c>
    </row>
    <row r="27" spans="1:11" ht="21" customHeight="1" x14ac:dyDescent="0.15">
      <c r="A27" s="903" t="s">
        <v>20</v>
      </c>
      <c r="B27" s="1494">
        <v>9643</v>
      </c>
      <c r="C27" s="918">
        <v>418</v>
      </c>
      <c r="D27" s="1295">
        <v>0</v>
      </c>
      <c r="E27" s="1297">
        <v>10061</v>
      </c>
      <c r="F27" s="917">
        <v>1497</v>
      </c>
      <c r="G27" s="1296">
        <v>67</v>
      </c>
      <c r="H27" s="1297">
        <v>1564</v>
      </c>
      <c r="I27" s="1495">
        <v>11625</v>
      </c>
      <c r="K27" s="1495">
        <v>700.35020991015392</v>
      </c>
    </row>
    <row r="28" spans="1:11" ht="21" customHeight="1" thickBot="1" x14ac:dyDescent="0.2">
      <c r="A28" s="952" t="s">
        <v>19</v>
      </c>
      <c r="B28" s="1499">
        <v>17696</v>
      </c>
      <c r="C28" s="954">
        <v>0</v>
      </c>
      <c r="D28" s="1304">
        <v>0</v>
      </c>
      <c r="E28" s="1306">
        <v>17696</v>
      </c>
      <c r="F28" s="953">
        <v>3833</v>
      </c>
      <c r="G28" s="1305">
        <v>0</v>
      </c>
      <c r="H28" s="1306">
        <v>3833</v>
      </c>
      <c r="I28" s="1500">
        <v>21529</v>
      </c>
      <c r="K28" s="1500">
        <v>585.32164410022847</v>
      </c>
    </row>
    <row r="29" spans="1:11" ht="21" customHeight="1" thickBot="1" x14ac:dyDescent="0.2">
      <c r="A29" s="962" t="s">
        <v>18</v>
      </c>
      <c r="B29" s="1322">
        <v>1623347</v>
      </c>
      <c r="C29" s="964">
        <v>31495</v>
      </c>
      <c r="D29" s="1501">
        <v>194267</v>
      </c>
      <c r="E29" s="1307">
        <v>1849109</v>
      </c>
      <c r="F29" s="1322">
        <v>513576</v>
      </c>
      <c r="G29" s="1501">
        <v>74322</v>
      </c>
      <c r="H29" s="1307">
        <v>587898</v>
      </c>
      <c r="I29" s="1502">
        <v>2437007</v>
      </c>
      <c r="K29" s="1502">
        <v>566.38992793243199</v>
      </c>
    </row>
    <row r="30" spans="1:11" ht="21" customHeight="1" x14ac:dyDescent="0.15">
      <c r="A30" s="888" t="s">
        <v>17</v>
      </c>
      <c r="B30" s="1490">
        <v>5611</v>
      </c>
      <c r="C30" s="937">
        <v>415</v>
      </c>
      <c r="D30" s="1301">
        <v>1561</v>
      </c>
      <c r="E30" s="1303">
        <v>7587</v>
      </c>
      <c r="F30" s="889">
        <v>1191</v>
      </c>
      <c r="G30" s="1302">
        <v>637</v>
      </c>
      <c r="H30" s="1303">
        <v>1828</v>
      </c>
      <c r="I30" s="1498">
        <v>9415</v>
      </c>
      <c r="K30" s="1498">
        <v>676.90182916057745</v>
      </c>
    </row>
    <row r="31" spans="1:11" ht="21" customHeight="1" x14ac:dyDescent="0.15">
      <c r="A31" s="903" t="s">
        <v>16</v>
      </c>
      <c r="B31" s="1494">
        <v>9392</v>
      </c>
      <c r="C31" s="918">
        <v>451</v>
      </c>
      <c r="D31" s="1295">
        <v>0</v>
      </c>
      <c r="E31" s="1297">
        <v>9843</v>
      </c>
      <c r="F31" s="917">
        <v>2507</v>
      </c>
      <c r="G31" s="1296">
        <v>394</v>
      </c>
      <c r="H31" s="1297">
        <v>2901</v>
      </c>
      <c r="I31" s="1495">
        <v>12744</v>
      </c>
      <c r="K31" s="1495">
        <v>555.79396718201212</v>
      </c>
    </row>
    <row r="32" spans="1:11" ht="21" customHeight="1" x14ac:dyDescent="0.15">
      <c r="A32" s="903" t="s">
        <v>15</v>
      </c>
      <c r="B32" s="1494">
        <v>7406</v>
      </c>
      <c r="C32" s="918">
        <v>388</v>
      </c>
      <c r="D32" s="1295">
        <v>157</v>
      </c>
      <c r="E32" s="1297">
        <v>7951</v>
      </c>
      <c r="F32" s="917">
        <v>1256</v>
      </c>
      <c r="G32" s="1296">
        <v>382</v>
      </c>
      <c r="H32" s="1297">
        <v>1638</v>
      </c>
      <c r="I32" s="1495">
        <v>9589</v>
      </c>
      <c r="K32" s="1495">
        <v>706.50152900579303</v>
      </c>
    </row>
    <row r="33" spans="1:11" ht="21" customHeight="1" thickBot="1" x14ac:dyDescent="0.2">
      <c r="A33" s="924" t="s">
        <v>14</v>
      </c>
      <c r="B33" s="1499">
        <v>6403</v>
      </c>
      <c r="C33" s="954">
        <v>339</v>
      </c>
      <c r="D33" s="1304">
        <v>0</v>
      </c>
      <c r="E33" s="1300">
        <v>6742</v>
      </c>
      <c r="F33" s="953">
        <v>504</v>
      </c>
      <c r="G33" s="1305">
        <v>122</v>
      </c>
      <c r="H33" s="1306">
        <v>626</v>
      </c>
      <c r="I33" s="1500">
        <v>7368</v>
      </c>
      <c r="K33" s="1500">
        <v>692.19534857456722</v>
      </c>
    </row>
    <row r="34" spans="1:11" ht="21" customHeight="1" x14ac:dyDescent="0.15">
      <c r="A34" s="888" t="s">
        <v>13</v>
      </c>
      <c r="B34" s="1503">
        <v>2063</v>
      </c>
      <c r="C34" s="890">
        <v>29</v>
      </c>
      <c r="D34" s="1288">
        <v>0</v>
      </c>
      <c r="E34" s="1303">
        <v>2092</v>
      </c>
      <c r="F34" s="1321">
        <v>580</v>
      </c>
      <c r="G34" s="1289">
        <v>110</v>
      </c>
      <c r="H34" s="1292">
        <v>690</v>
      </c>
      <c r="I34" s="1491">
        <v>2782</v>
      </c>
      <c r="K34" s="1491">
        <v>643.48342307343307</v>
      </c>
    </row>
    <row r="35" spans="1:11" ht="21" customHeight="1" x14ac:dyDescent="0.15">
      <c r="A35" s="903" t="s">
        <v>12</v>
      </c>
      <c r="B35" s="1494">
        <v>3923</v>
      </c>
      <c r="C35" s="918">
        <v>58</v>
      </c>
      <c r="D35" s="1295">
        <v>14</v>
      </c>
      <c r="E35" s="1297">
        <v>3995</v>
      </c>
      <c r="F35" s="917">
        <v>833</v>
      </c>
      <c r="G35" s="1296">
        <v>27</v>
      </c>
      <c r="H35" s="1297">
        <v>860</v>
      </c>
      <c r="I35" s="1495">
        <v>4855</v>
      </c>
      <c r="K35" s="1495">
        <v>633.9901227671487</v>
      </c>
    </row>
    <row r="36" spans="1:11" ht="21" customHeight="1" x14ac:dyDescent="0.15">
      <c r="A36" s="903" t="s">
        <v>11</v>
      </c>
      <c r="B36" s="1494">
        <v>2580</v>
      </c>
      <c r="C36" s="918">
        <v>35</v>
      </c>
      <c r="D36" s="1295">
        <v>19</v>
      </c>
      <c r="E36" s="1297">
        <v>2634</v>
      </c>
      <c r="F36" s="917">
        <v>321</v>
      </c>
      <c r="G36" s="1296">
        <v>18</v>
      </c>
      <c r="H36" s="1297">
        <v>339</v>
      </c>
      <c r="I36" s="1495">
        <v>2973</v>
      </c>
      <c r="K36" s="1495">
        <v>702.60328655090859</v>
      </c>
    </row>
    <row r="37" spans="1:11" ht="21" customHeight="1" x14ac:dyDescent="0.15">
      <c r="A37" s="903" t="s">
        <v>10</v>
      </c>
      <c r="B37" s="1494">
        <v>2360</v>
      </c>
      <c r="C37" s="918">
        <v>16</v>
      </c>
      <c r="D37" s="1295">
        <v>14</v>
      </c>
      <c r="E37" s="1297">
        <v>2390</v>
      </c>
      <c r="F37" s="917">
        <v>671</v>
      </c>
      <c r="G37" s="1296">
        <v>11</v>
      </c>
      <c r="H37" s="1297">
        <v>682</v>
      </c>
      <c r="I37" s="1495">
        <v>3072</v>
      </c>
      <c r="K37" s="1495">
        <v>720.10834768277266</v>
      </c>
    </row>
    <row r="38" spans="1:11" ht="21" customHeight="1" thickBot="1" x14ac:dyDescent="0.2">
      <c r="A38" s="924" t="s">
        <v>9</v>
      </c>
      <c r="B38" s="1496">
        <v>3965</v>
      </c>
      <c r="C38" s="926">
        <v>128</v>
      </c>
      <c r="D38" s="1298">
        <v>3</v>
      </c>
      <c r="E38" s="1300">
        <v>4096</v>
      </c>
      <c r="F38" s="925">
        <v>852</v>
      </c>
      <c r="G38" s="1299">
        <v>196</v>
      </c>
      <c r="H38" s="1300">
        <v>1048</v>
      </c>
      <c r="I38" s="1497">
        <v>5144</v>
      </c>
      <c r="K38" s="1497">
        <v>598.72580740645458</v>
      </c>
    </row>
    <row r="39" spans="1:11" ht="21" customHeight="1" x14ac:dyDescent="0.15">
      <c r="A39" s="888" t="s">
        <v>8</v>
      </c>
      <c r="B39" s="1490">
        <v>3308</v>
      </c>
      <c r="C39" s="937">
        <v>0</v>
      </c>
      <c r="D39" s="1301">
        <v>0</v>
      </c>
      <c r="E39" s="1303">
        <v>3308</v>
      </c>
      <c r="F39" s="889">
        <v>8566</v>
      </c>
      <c r="G39" s="1302">
        <v>1673</v>
      </c>
      <c r="H39" s="1303">
        <v>10239</v>
      </c>
      <c r="I39" s="1498">
        <v>13547</v>
      </c>
      <c r="K39" s="1498">
        <v>834.14760226692476</v>
      </c>
    </row>
    <row r="40" spans="1:11" ht="21" customHeight="1" x14ac:dyDescent="0.15">
      <c r="A40" s="903" t="s">
        <v>7</v>
      </c>
      <c r="B40" s="1494">
        <v>1949</v>
      </c>
      <c r="C40" s="918">
        <v>144</v>
      </c>
      <c r="D40" s="1295">
        <v>17</v>
      </c>
      <c r="E40" s="1297">
        <v>2110</v>
      </c>
      <c r="F40" s="917">
        <v>47</v>
      </c>
      <c r="G40" s="1296">
        <v>527</v>
      </c>
      <c r="H40" s="1297">
        <v>574</v>
      </c>
      <c r="I40" s="1495">
        <v>2684</v>
      </c>
      <c r="K40" s="1495">
        <v>934.34975235303375</v>
      </c>
    </row>
    <row r="41" spans="1:11" ht="21" customHeight="1" x14ac:dyDescent="0.15">
      <c r="A41" s="903" t="s">
        <v>6</v>
      </c>
      <c r="B41" s="1494">
        <v>6958</v>
      </c>
      <c r="C41" s="918">
        <v>518</v>
      </c>
      <c r="D41" s="1295">
        <v>19</v>
      </c>
      <c r="E41" s="1297">
        <v>7495</v>
      </c>
      <c r="F41" s="917">
        <v>1696</v>
      </c>
      <c r="G41" s="1296">
        <v>2520</v>
      </c>
      <c r="H41" s="1297">
        <v>4216</v>
      </c>
      <c r="I41" s="1495">
        <v>11711</v>
      </c>
      <c r="K41" s="1495">
        <v>928.89923890990974</v>
      </c>
    </row>
    <row r="42" spans="1:11" ht="21" customHeight="1" x14ac:dyDescent="0.15">
      <c r="A42" s="903" t="s">
        <v>5</v>
      </c>
      <c r="B42" s="1494">
        <v>8545</v>
      </c>
      <c r="C42" s="918">
        <v>1226</v>
      </c>
      <c r="D42" s="1295">
        <v>329</v>
      </c>
      <c r="E42" s="1297">
        <v>10100</v>
      </c>
      <c r="F42" s="917">
        <v>1421</v>
      </c>
      <c r="G42" s="1296">
        <v>156</v>
      </c>
      <c r="H42" s="1297">
        <v>1577</v>
      </c>
      <c r="I42" s="1495">
        <v>11677</v>
      </c>
      <c r="K42" s="1495">
        <v>706.16901561087991</v>
      </c>
    </row>
    <row r="43" spans="1:11" ht="21" customHeight="1" thickBot="1" x14ac:dyDescent="0.2">
      <c r="A43" s="924" t="s">
        <v>4</v>
      </c>
      <c r="B43" s="1496">
        <v>741</v>
      </c>
      <c r="C43" s="926">
        <v>4</v>
      </c>
      <c r="D43" s="1298">
        <v>0</v>
      </c>
      <c r="E43" s="1297">
        <v>745</v>
      </c>
      <c r="F43" s="925">
        <v>153</v>
      </c>
      <c r="G43" s="1299">
        <v>0</v>
      </c>
      <c r="H43" s="1300">
        <v>153</v>
      </c>
      <c r="I43" s="1497">
        <v>898</v>
      </c>
      <c r="K43" s="1497">
        <v>711.67918075695923</v>
      </c>
    </row>
    <row r="44" spans="1:11" ht="21" customHeight="1" thickBot="1" x14ac:dyDescent="0.2">
      <c r="A44" s="962" t="s">
        <v>65</v>
      </c>
      <c r="B44" s="1322">
        <v>65204</v>
      </c>
      <c r="C44" s="964">
        <v>3751</v>
      </c>
      <c r="D44" s="1501">
        <v>2133</v>
      </c>
      <c r="E44" s="1307">
        <v>71088</v>
      </c>
      <c r="F44" s="1322">
        <v>20598</v>
      </c>
      <c r="G44" s="1501">
        <v>6773</v>
      </c>
      <c r="H44" s="1307">
        <v>27371</v>
      </c>
      <c r="I44" s="1502">
        <v>98459</v>
      </c>
      <c r="K44" s="1502">
        <v>690.06906951872179</v>
      </c>
    </row>
    <row r="45" spans="1:11" ht="21" customHeight="1" thickBot="1" x14ac:dyDescent="0.2">
      <c r="A45" s="984" t="s">
        <v>148</v>
      </c>
      <c r="B45" s="1504">
        <v>1688551</v>
      </c>
      <c r="C45" s="986">
        <v>35246</v>
      </c>
      <c r="D45" s="1309">
        <v>196400</v>
      </c>
      <c r="E45" s="1310">
        <v>1920197</v>
      </c>
      <c r="F45" s="985">
        <v>534174</v>
      </c>
      <c r="G45" s="1308">
        <v>81095</v>
      </c>
      <c r="H45" s="1310">
        <v>615269</v>
      </c>
      <c r="I45" s="1505">
        <v>2535466</v>
      </c>
      <c r="K45" s="1505">
        <v>570.17314418978151</v>
      </c>
    </row>
    <row r="46" spans="1:11" x14ac:dyDescent="0.15">
      <c r="D46" s="684"/>
      <c r="E46"/>
    </row>
    <row r="47" spans="1:11" x14ac:dyDescent="0.15">
      <c r="A47" s="1506"/>
      <c r="B47" s="1507"/>
      <c r="C47" s="1507"/>
      <c r="D47" s="1507"/>
      <c r="E47" s="1507"/>
      <c r="F47" s="1507"/>
      <c r="G47" s="1507"/>
    </row>
    <row r="48" spans="1:11" s="1507" customFormat="1" x14ac:dyDescent="0.15">
      <c r="A48"/>
      <c r="B48"/>
      <c r="C48"/>
      <c r="D48"/>
      <c r="E48"/>
      <c r="F48"/>
      <c r="G48"/>
    </row>
    <row r="49" spans="1:5" x14ac:dyDescent="0.15">
      <c r="E49"/>
    </row>
    <row r="50" spans="1:5" x14ac:dyDescent="0.15">
      <c r="E50"/>
    </row>
    <row r="51" spans="1:5" x14ac:dyDescent="0.15">
      <c r="E51"/>
    </row>
    <row r="52" spans="1:5" x14ac:dyDescent="0.15">
      <c r="E52"/>
    </row>
    <row r="53" spans="1:5" x14ac:dyDescent="0.15">
      <c r="E53"/>
    </row>
    <row r="54" spans="1:5" x14ac:dyDescent="0.15">
      <c r="E54"/>
    </row>
    <row r="55" spans="1:5" x14ac:dyDescent="0.15">
      <c r="E55"/>
    </row>
    <row r="56" spans="1:5" x14ac:dyDescent="0.15">
      <c r="E56"/>
    </row>
    <row r="57" spans="1:5" x14ac:dyDescent="0.15">
      <c r="A57" t="s">
        <v>529</v>
      </c>
      <c r="E57"/>
    </row>
    <row r="58" spans="1:5" x14ac:dyDescent="0.15">
      <c r="E58"/>
    </row>
    <row r="59" spans="1:5" x14ac:dyDescent="0.15">
      <c r="E59"/>
    </row>
    <row r="60" spans="1:5" x14ac:dyDescent="0.15">
      <c r="E60"/>
    </row>
    <row r="61" spans="1:5" x14ac:dyDescent="0.15">
      <c r="E61"/>
    </row>
    <row r="62" spans="1:5" x14ac:dyDescent="0.15">
      <c r="E62"/>
    </row>
    <row r="63" spans="1:5" x14ac:dyDescent="0.15">
      <c r="E63"/>
    </row>
    <row r="64" spans="1:5" x14ac:dyDescent="0.15">
      <c r="E64"/>
    </row>
    <row r="65" spans="5:5" x14ac:dyDescent="0.15">
      <c r="E65"/>
    </row>
  </sheetData>
  <mergeCells count="2">
    <mergeCell ref="K5:K9"/>
    <mergeCell ref="I6:I7"/>
  </mergeCells>
  <phoneticPr fontId="3"/>
  <conditionalFormatting sqref="B10:I45 K10:K45">
    <cfRule type="cellIs" dxfId="3" priority="1" operator="equal">
      <formula>0</formula>
    </cfRule>
  </conditionalFormatting>
  <pageMargins left="0.59055118110236227" right="0.59055118110236227" top="0.78740157480314965" bottom="0.78740157480314965" header="0.51181102362204722" footer="0.39370078740157483"/>
  <pageSetup paperSize="9" scale="84" orientation="portrait" r:id="rId1"/>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AF7DB1-3A41-4B8D-A257-BACB155D7225}">
  <sheetPr>
    <pageSetUpPr fitToPage="1"/>
  </sheetPr>
  <dimension ref="A1:N64"/>
  <sheetViews>
    <sheetView zoomScaleNormal="100" zoomScaleSheetLayoutView="100" workbookViewId="0">
      <selection activeCell="L6" sqref="L6"/>
    </sheetView>
  </sheetViews>
  <sheetFormatPr defaultRowHeight="14.25" x14ac:dyDescent="0.15"/>
  <cols>
    <col min="2" max="2" width="12.625" customWidth="1"/>
    <col min="3" max="3" width="10.625" style="1508" customWidth="1"/>
    <col min="4" max="8" width="9.625" customWidth="1"/>
    <col min="9" max="9" width="1.5" customWidth="1"/>
    <col min="10" max="10" width="9.625" customWidth="1"/>
    <col min="11" max="11" width="4.5" customWidth="1"/>
  </cols>
  <sheetData>
    <row r="1" spans="1:14" x14ac:dyDescent="0.15">
      <c r="C1"/>
    </row>
    <row r="2" spans="1:14" x14ac:dyDescent="0.15">
      <c r="A2" s="866" t="s">
        <v>549</v>
      </c>
      <c r="C2"/>
    </row>
    <row r="3" spans="1:14" x14ac:dyDescent="0.15">
      <c r="A3" s="866"/>
      <c r="C3"/>
    </row>
    <row r="4" spans="1:14" s="1462" customFormat="1" ht="17.100000000000001" customHeight="1" thickBot="1" x14ac:dyDescent="0.2">
      <c r="J4" s="1464"/>
    </row>
    <row r="5" spans="1:14" s="1470" customFormat="1" ht="17.100000000000001" customHeight="1" thickBot="1" x14ac:dyDescent="0.2">
      <c r="A5" s="2036" t="s">
        <v>535</v>
      </c>
      <c r="B5" s="1509" t="s">
        <v>538</v>
      </c>
      <c r="C5" s="1472" t="s">
        <v>539</v>
      </c>
      <c r="D5" s="1510"/>
      <c r="E5" s="1510"/>
      <c r="F5" s="1510"/>
      <c r="G5" s="1511"/>
      <c r="H5" s="1512"/>
      <c r="I5" s="1513"/>
      <c r="J5" s="2031" t="s">
        <v>550</v>
      </c>
    </row>
    <row r="6" spans="1:14" s="1470" customFormat="1" ht="17.100000000000001" customHeight="1" x14ac:dyDescent="0.15">
      <c r="A6" s="2037"/>
      <c r="B6" s="2039" t="s">
        <v>551</v>
      </c>
      <c r="C6" s="1481" t="s">
        <v>536</v>
      </c>
      <c r="D6" s="1514"/>
      <c r="E6" s="1515"/>
      <c r="F6" s="1516"/>
      <c r="G6" s="1515"/>
      <c r="H6" s="1517"/>
      <c r="J6" s="2037"/>
      <c r="L6" s="1518"/>
      <c r="M6" s="1518"/>
      <c r="N6" s="1518"/>
    </row>
    <row r="7" spans="1:14" s="1470" customFormat="1" ht="17.100000000000001" customHeight="1" x14ac:dyDescent="0.15">
      <c r="A7" s="2037"/>
      <c r="B7" s="2040"/>
      <c r="C7" s="1481" t="s">
        <v>541</v>
      </c>
      <c r="D7" s="1514" t="s">
        <v>540</v>
      </c>
      <c r="E7" s="1519" t="s">
        <v>533</v>
      </c>
      <c r="F7" s="1480" t="s">
        <v>552</v>
      </c>
      <c r="G7" s="1470" t="s">
        <v>543</v>
      </c>
      <c r="H7" s="1520" t="s">
        <v>553</v>
      </c>
      <c r="J7" s="2037"/>
      <c r="L7" s="1518"/>
      <c r="M7" s="1518"/>
      <c r="N7" s="1518"/>
    </row>
    <row r="8" spans="1:14" s="1489" customFormat="1" ht="28.5" customHeight="1" thickBot="1" x14ac:dyDescent="0.2">
      <c r="A8" s="2038"/>
      <c r="B8" s="1521" t="s">
        <v>554</v>
      </c>
      <c r="C8" s="1488" t="s">
        <v>555</v>
      </c>
      <c r="D8" s="1522" t="s">
        <v>546</v>
      </c>
      <c r="E8" s="1523" t="s">
        <v>272</v>
      </c>
      <c r="F8" s="1522" t="s">
        <v>250</v>
      </c>
      <c r="G8" s="1524" t="s">
        <v>271</v>
      </c>
      <c r="H8" s="1525" t="s">
        <v>556</v>
      </c>
      <c r="J8" s="2038"/>
      <c r="M8" s="1526"/>
      <c r="N8" s="1526"/>
    </row>
    <row r="9" spans="1:14" s="1462" customFormat="1" ht="21" customHeight="1" x14ac:dyDescent="0.15">
      <c r="A9" s="888" t="s">
        <v>37</v>
      </c>
      <c r="B9" s="1498">
        <v>520667</v>
      </c>
      <c r="C9" s="1527">
        <v>757404</v>
      </c>
      <c r="D9" s="1528">
        <v>122490</v>
      </c>
      <c r="E9" s="937">
        <v>630845</v>
      </c>
      <c r="F9" s="1528">
        <v>114069</v>
      </c>
      <c r="G9" s="1302">
        <v>4069</v>
      </c>
      <c r="H9" s="1303">
        <v>178</v>
      </c>
      <c r="J9" s="1491">
        <v>378.27130745544412</v>
      </c>
      <c r="M9" s="1529"/>
      <c r="N9" s="1529"/>
    </row>
    <row r="10" spans="1:14" ht="21" customHeight="1" x14ac:dyDescent="0.15">
      <c r="A10" s="903" t="s">
        <v>36</v>
      </c>
      <c r="B10" s="1493">
        <v>226741</v>
      </c>
      <c r="C10" s="1530">
        <v>306109</v>
      </c>
      <c r="D10" s="1531">
        <v>30781</v>
      </c>
      <c r="E10" s="905">
        <v>275126</v>
      </c>
      <c r="F10" s="1531">
        <v>48448</v>
      </c>
      <c r="G10" s="1290">
        <v>202</v>
      </c>
      <c r="H10" s="1294">
        <v>139</v>
      </c>
      <c r="J10" s="1493">
        <v>400.31771039477178</v>
      </c>
      <c r="M10" s="1529"/>
      <c r="N10" s="1529"/>
    </row>
    <row r="11" spans="1:14" ht="21" customHeight="1" x14ac:dyDescent="0.15">
      <c r="A11" s="903" t="s">
        <v>35</v>
      </c>
      <c r="B11" s="1495">
        <v>119458</v>
      </c>
      <c r="C11" s="1532">
        <v>155083</v>
      </c>
      <c r="D11" s="1533">
        <v>2645</v>
      </c>
      <c r="E11" s="918">
        <v>143075</v>
      </c>
      <c r="F11" s="1533">
        <v>32980</v>
      </c>
      <c r="G11" s="1296">
        <v>9363</v>
      </c>
      <c r="H11" s="1297">
        <v>0</v>
      </c>
      <c r="J11" s="1495">
        <v>452.30586520582477</v>
      </c>
      <c r="M11" s="1529"/>
      <c r="N11" s="1529"/>
    </row>
    <row r="12" spans="1:14" ht="21" customHeight="1" x14ac:dyDescent="0.15">
      <c r="A12" s="903" t="s">
        <v>34</v>
      </c>
      <c r="B12" s="1495">
        <v>60066</v>
      </c>
      <c r="C12" s="1532">
        <v>86959</v>
      </c>
      <c r="D12" s="1533">
        <v>14500</v>
      </c>
      <c r="E12" s="918">
        <v>69781</v>
      </c>
      <c r="F12" s="1533">
        <v>12389</v>
      </c>
      <c r="G12" s="1296">
        <v>2678</v>
      </c>
      <c r="H12" s="1297">
        <v>4</v>
      </c>
      <c r="J12" s="1495">
        <v>443.28181305848182</v>
      </c>
      <c r="M12" s="1529"/>
      <c r="N12" s="1529"/>
    </row>
    <row r="13" spans="1:14" ht="21" customHeight="1" thickBot="1" x14ac:dyDescent="0.2">
      <c r="A13" s="924" t="s">
        <v>33</v>
      </c>
      <c r="B13" s="1497">
        <v>40377</v>
      </c>
      <c r="C13" s="1534">
        <v>54677</v>
      </c>
      <c r="D13" s="1535">
        <v>0</v>
      </c>
      <c r="E13" s="926">
        <v>53332</v>
      </c>
      <c r="F13" s="1535">
        <v>14286</v>
      </c>
      <c r="G13" s="1299">
        <v>1345</v>
      </c>
      <c r="H13" s="1300">
        <v>14</v>
      </c>
      <c r="J13" s="1497">
        <v>428.13653459330897</v>
      </c>
      <c r="M13" s="1529"/>
      <c r="N13" s="1529"/>
    </row>
    <row r="14" spans="1:14" ht="21" customHeight="1" x14ac:dyDescent="0.15">
      <c r="A14" s="888" t="s">
        <v>32</v>
      </c>
      <c r="B14" s="1498">
        <v>21040</v>
      </c>
      <c r="C14" s="1527">
        <v>39208</v>
      </c>
      <c r="D14" s="1528">
        <v>0</v>
      </c>
      <c r="E14" s="937">
        <v>38122</v>
      </c>
      <c r="F14" s="1528">
        <v>18079</v>
      </c>
      <c r="G14" s="1302">
        <v>1086</v>
      </c>
      <c r="H14" s="1303">
        <v>89</v>
      </c>
      <c r="J14" s="1498">
        <v>338.67099641868299</v>
      </c>
      <c r="M14" s="1529"/>
      <c r="N14" s="1529"/>
    </row>
    <row r="15" spans="1:14" ht="21" customHeight="1" x14ac:dyDescent="0.15">
      <c r="A15" s="903" t="s">
        <v>31</v>
      </c>
      <c r="B15" s="1495">
        <v>65647</v>
      </c>
      <c r="C15" s="1532">
        <v>93451</v>
      </c>
      <c r="D15" s="1533">
        <v>18400</v>
      </c>
      <c r="E15" s="918">
        <v>72451</v>
      </c>
      <c r="F15" s="1533">
        <v>9027</v>
      </c>
      <c r="G15" s="1296">
        <v>2600</v>
      </c>
      <c r="H15" s="1297">
        <v>377</v>
      </c>
      <c r="J15" s="1495">
        <v>405.30018573351623</v>
      </c>
      <c r="M15" s="1529"/>
      <c r="N15" s="1529"/>
    </row>
    <row r="16" spans="1:14" ht="21" customHeight="1" x14ac:dyDescent="0.15">
      <c r="A16" s="903" t="s">
        <v>30</v>
      </c>
      <c r="B16" s="1495">
        <v>34895</v>
      </c>
      <c r="C16" s="1532">
        <v>46759</v>
      </c>
      <c r="D16" s="1533">
        <v>0</v>
      </c>
      <c r="E16" s="918">
        <v>44846</v>
      </c>
      <c r="F16" s="1533">
        <v>11864</v>
      </c>
      <c r="G16" s="1296">
        <v>1913</v>
      </c>
      <c r="H16" s="1297">
        <v>0</v>
      </c>
      <c r="J16" s="1495">
        <v>514.19779765082558</v>
      </c>
      <c r="M16" s="1529"/>
      <c r="N16" s="1529"/>
    </row>
    <row r="17" spans="1:14" ht="21" customHeight="1" x14ac:dyDescent="0.15">
      <c r="A17" s="903" t="s">
        <v>29</v>
      </c>
      <c r="B17" s="1495">
        <v>35964</v>
      </c>
      <c r="C17" s="1532">
        <v>51533</v>
      </c>
      <c r="D17" s="1533">
        <v>0</v>
      </c>
      <c r="E17" s="918">
        <v>48026</v>
      </c>
      <c r="F17" s="1533">
        <v>14260</v>
      </c>
      <c r="G17" s="1296">
        <v>3507</v>
      </c>
      <c r="H17" s="1297">
        <v>1309</v>
      </c>
      <c r="J17" s="1495">
        <v>401.48279819131795</v>
      </c>
      <c r="M17" s="1529"/>
      <c r="N17" s="1529"/>
    </row>
    <row r="18" spans="1:14" ht="21" customHeight="1" thickBot="1" x14ac:dyDescent="0.2">
      <c r="A18" s="924" t="s">
        <v>28</v>
      </c>
      <c r="B18" s="1497">
        <v>6961</v>
      </c>
      <c r="C18" s="1534">
        <v>12666</v>
      </c>
      <c r="D18" s="1535">
        <v>2626</v>
      </c>
      <c r="E18" s="926">
        <v>10040</v>
      </c>
      <c r="F18" s="1535">
        <v>3079</v>
      </c>
      <c r="G18" s="1299">
        <v>0</v>
      </c>
      <c r="H18" s="1300">
        <v>0</v>
      </c>
      <c r="J18" s="1497">
        <v>326.07086713022034</v>
      </c>
      <c r="M18" s="1529"/>
      <c r="N18" s="1529"/>
    </row>
    <row r="19" spans="1:14" ht="21" customHeight="1" x14ac:dyDescent="0.15">
      <c r="A19" s="888" t="s">
        <v>27</v>
      </c>
      <c r="B19" s="1498">
        <v>6158</v>
      </c>
      <c r="C19" s="1527">
        <v>10871</v>
      </c>
      <c r="D19" s="1528">
        <v>179</v>
      </c>
      <c r="E19" s="937">
        <v>9247</v>
      </c>
      <c r="F19" s="1528">
        <v>3670</v>
      </c>
      <c r="G19" s="1302">
        <v>1445</v>
      </c>
      <c r="H19" s="1303">
        <v>864</v>
      </c>
      <c r="J19" s="1498">
        <v>426.61220514103042</v>
      </c>
      <c r="M19" s="1529"/>
      <c r="N19" s="1529"/>
    </row>
    <row r="20" spans="1:14" ht="21" customHeight="1" x14ac:dyDescent="0.15">
      <c r="A20" s="903" t="s">
        <v>26</v>
      </c>
      <c r="B20" s="1495">
        <v>25676</v>
      </c>
      <c r="C20" s="1532">
        <v>35925</v>
      </c>
      <c r="D20" s="1533">
        <v>160</v>
      </c>
      <c r="E20" s="918">
        <v>35383</v>
      </c>
      <c r="F20" s="1533">
        <v>10089</v>
      </c>
      <c r="G20" s="1296">
        <v>382</v>
      </c>
      <c r="H20" s="1297">
        <v>0</v>
      </c>
      <c r="J20" s="1495">
        <v>437.86229882140753</v>
      </c>
      <c r="M20" s="1529"/>
      <c r="N20" s="1529"/>
    </row>
    <row r="21" spans="1:14" ht="21" customHeight="1" x14ac:dyDescent="0.15">
      <c r="A21" s="903" t="s">
        <v>25</v>
      </c>
      <c r="B21" s="1495">
        <v>31827</v>
      </c>
      <c r="C21" s="1532">
        <v>47993</v>
      </c>
      <c r="D21" s="1533">
        <v>0</v>
      </c>
      <c r="E21" s="918">
        <v>47483</v>
      </c>
      <c r="F21" s="1533">
        <v>16166</v>
      </c>
      <c r="G21" s="1296">
        <v>510</v>
      </c>
      <c r="H21" s="1297">
        <v>0</v>
      </c>
      <c r="J21" s="1495">
        <v>389.78856110741248</v>
      </c>
      <c r="M21" s="1529"/>
      <c r="N21" s="1529"/>
    </row>
    <row r="22" spans="1:14" ht="21" customHeight="1" x14ac:dyDescent="0.15">
      <c r="A22" s="903" t="s">
        <v>24</v>
      </c>
      <c r="B22" s="1495">
        <v>35247</v>
      </c>
      <c r="C22" s="1532">
        <v>47467</v>
      </c>
      <c r="D22" s="1533">
        <v>0</v>
      </c>
      <c r="E22" s="918">
        <v>45877</v>
      </c>
      <c r="F22" s="1533">
        <v>11634</v>
      </c>
      <c r="G22" s="1296">
        <v>1590</v>
      </c>
      <c r="H22" s="1297">
        <v>586</v>
      </c>
      <c r="J22" s="1495">
        <v>395.58369807290563</v>
      </c>
      <c r="M22" s="1529"/>
      <c r="N22" s="1529"/>
    </row>
    <row r="23" spans="1:14" ht="21" customHeight="1" thickBot="1" x14ac:dyDescent="0.2">
      <c r="A23" s="924" t="s">
        <v>23</v>
      </c>
      <c r="B23" s="1497">
        <v>17056</v>
      </c>
      <c r="C23" s="1534">
        <v>22554</v>
      </c>
      <c r="D23" s="1535">
        <v>2282</v>
      </c>
      <c r="E23" s="926">
        <v>19885</v>
      </c>
      <c r="F23" s="1535">
        <v>3216</v>
      </c>
      <c r="G23" s="1299">
        <v>387</v>
      </c>
      <c r="H23" s="1300">
        <v>0</v>
      </c>
      <c r="J23" s="1497">
        <v>461.3637605474475</v>
      </c>
      <c r="M23" s="1529"/>
      <c r="N23" s="1529"/>
    </row>
    <row r="24" spans="1:14" ht="21" customHeight="1" x14ac:dyDescent="0.15">
      <c r="A24" s="888" t="s">
        <v>22</v>
      </c>
      <c r="B24" s="1498">
        <v>17475</v>
      </c>
      <c r="C24" s="1527">
        <v>26694</v>
      </c>
      <c r="D24" s="1528">
        <v>0</v>
      </c>
      <c r="E24" s="937">
        <v>26694</v>
      </c>
      <c r="F24" s="1528">
        <v>9219</v>
      </c>
      <c r="G24" s="1302">
        <v>0</v>
      </c>
      <c r="H24" s="1303">
        <v>0</v>
      </c>
      <c r="J24" s="1498">
        <v>338.88779643228236</v>
      </c>
      <c r="L24" s="1536"/>
      <c r="M24" s="1529"/>
      <c r="N24" s="1529"/>
    </row>
    <row r="25" spans="1:14" ht="21" customHeight="1" x14ac:dyDescent="0.15">
      <c r="A25" s="903" t="s">
        <v>21</v>
      </c>
      <c r="B25" s="1495">
        <v>18176</v>
      </c>
      <c r="C25" s="1532">
        <v>25999</v>
      </c>
      <c r="D25" s="1533">
        <v>204</v>
      </c>
      <c r="E25" s="918">
        <v>25795</v>
      </c>
      <c r="F25" s="1533">
        <v>7619</v>
      </c>
      <c r="G25" s="1296">
        <v>0</v>
      </c>
      <c r="H25" s="1297">
        <v>0</v>
      </c>
      <c r="J25" s="1495">
        <v>377.71553174329557</v>
      </c>
      <c r="M25" s="1529"/>
      <c r="N25" s="1529"/>
    </row>
    <row r="26" spans="1:14" ht="21" customHeight="1" x14ac:dyDescent="0.15">
      <c r="A26" s="903" t="s">
        <v>20</v>
      </c>
      <c r="B26" s="1495">
        <v>7331</v>
      </c>
      <c r="C26" s="1532">
        <v>10061</v>
      </c>
      <c r="D26" s="1533">
        <v>0</v>
      </c>
      <c r="E26" s="918">
        <v>9643</v>
      </c>
      <c r="F26" s="1533">
        <v>2568</v>
      </c>
      <c r="G26" s="1296">
        <v>418</v>
      </c>
      <c r="H26" s="1297">
        <v>162</v>
      </c>
      <c r="J26" s="1495">
        <v>510.31382455534617</v>
      </c>
      <c r="M26" s="1529"/>
      <c r="N26" s="1529"/>
    </row>
    <row r="27" spans="1:14" ht="21" customHeight="1" thickBot="1" x14ac:dyDescent="0.2">
      <c r="A27" s="952" t="s">
        <v>19</v>
      </c>
      <c r="B27" s="1500">
        <v>12204</v>
      </c>
      <c r="C27" s="1537">
        <v>17696</v>
      </c>
      <c r="D27" s="1538">
        <v>0</v>
      </c>
      <c r="E27" s="954">
        <v>17696</v>
      </c>
      <c r="F27" s="1538">
        <v>5492</v>
      </c>
      <c r="G27" s="1305">
        <v>0</v>
      </c>
      <c r="H27" s="1306">
        <v>0</v>
      </c>
      <c r="J27" s="1500">
        <v>403.6655371043845</v>
      </c>
      <c r="M27" s="1529"/>
      <c r="N27" s="1529"/>
    </row>
    <row r="28" spans="1:14" ht="21" customHeight="1" thickBot="1" x14ac:dyDescent="0.2">
      <c r="A28" s="962" t="s">
        <v>18</v>
      </c>
      <c r="B28" s="1502">
        <v>1302966</v>
      </c>
      <c r="C28" s="1539">
        <v>1849109</v>
      </c>
      <c r="D28" s="1540">
        <v>194267</v>
      </c>
      <c r="E28" s="964">
        <v>1623347</v>
      </c>
      <c r="F28" s="1540">
        <v>348154</v>
      </c>
      <c r="G28" s="1501">
        <v>31495</v>
      </c>
      <c r="H28" s="1307">
        <v>3722</v>
      </c>
      <c r="J28" s="1502">
        <v>399.10401108772339</v>
      </c>
      <c r="L28" s="1529"/>
      <c r="M28" s="1529"/>
      <c r="N28" s="1529"/>
    </row>
    <row r="29" spans="1:14" ht="21" customHeight="1" x14ac:dyDescent="0.15">
      <c r="A29" s="888" t="s">
        <v>17</v>
      </c>
      <c r="B29" s="1498">
        <v>4186</v>
      </c>
      <c r="C29" s="1527">
        <v>7587</v>
      </c>
      <c r="D29" s="1528">
        <v>1561</v>
      </c>
      <c r="E29" s="937">
        <v>5611</v>
      </c>
      <c r="F29" s="1528">
        <v>1840</v>
      </c>
      <c r="G29" s="1302">
        <v>415</v>
      </c>
      <c r="H29" s="1303">
        <v>0</v>
      </c>
      <c r="J29" s="1498">
        <v>373.46923116728323</v>
      </c>
      <c r="L29" s="1529"/>
      <c r="M29" s="1529"/>
      <c r="N29" s="1529"/>
    </row>
    <row r="30" spans="1:14" ht="21" customHeight="1" x14ac:dyDescent="0.15">
      <c r="A30" s="903" t="s">
        <v>16</v>
      </c>
      <c r="B30" s="1495">
        <v>7555</v>
      </c>
      <c r="C30" s="1532">
        <v>9843</v>
      </c>
      <c r="D30" s="1533">
        <v>0</v>
      </c>
      <c r="E30" s="918">
        <v>9392</v>
      </c>
      <c r="F30" s="1533">
        <v>2117</v>
      </c>
      <c r="G30" s="1296">
        <v>451</v>
      </c>
      <c r="H30" s="1297">
        <v>171</v>
      </c>
      <c r="J30" s="1495">
        <v>426.59996160318019</v>
      </c>
      <c r="L30" s="1529"/>
      <c r="M30" s="1529"/>
      <c r="N30" s="1529"/>
    </row>
    <row r="31" spans="1:14" ht="21" customHeight="1" x14ac:dyDescent="0.15">
      <c r="A31" s="903" t="s">
        <v>15</v>
      </c>
      <c r="B31" s="1495">
        <v>5681</v>
      </c>
      <c r="C31" s="1532">
        <v>7951</v>
      </c>
      <c r="D31" s="1533">
        <v>157</v>
      </c>
      <c r="E31" s="918">
        <v>7406</v>
      </c>
      <c r="F31" s="1533">
        <v>1998</v>
      </c>
      <c r="G31" s="1296">
        <v>388</v>
      </c>
      <c r="H31" s="1297">
        <v>115</v>
      </c>
      <c r="J31" s="1495">
        <v>504.79627547250783</v>
      </c>
      <c r="L31" s="1529"/>
      <c r="M31" s="1529"/>
      <c r="N31" s="1529"/>
    </row>
    <row r="32" spans="1:14" ht="21" customHeight="1" thickBot="1" x14ac:dyDescent="0.2">
      <c r="A32" s="924" t="s">
        <v>14</v>
      </c>
      <c r="B32" s="1500">
        <v>4718</v>
      </c>
      <c r="C32" s="1534">
        <v>6742</v>
      </c>
      <c r="D32" s="1538">
        <v>0</v>
      </c>
      <c r="E32" s="954">
        <v>6403</v>
      </c>
      <c r="F32" s="1538">
        <v>1952</v>
      </c>
      <c r="G32" s="1305">
        <v>339</v>
      </c>
      <c r="H32" s="1306">
        <v>72</v>
      </c>
      <c r="J32" s="1500">
        <v>484.39300720480702</v>
      </c>
      <c r="L32" s="1529"/>
      <c r="M32" s="1529"/>
      <c r="N32" s="1529"/>
    </row>
    <row r="33" spans="1:14" ht="21" customHeight="1" x14ac:dyDescent="0.15">
      <c r="A33" s="888" t="s">
        <v>13</v>
      </c>
      <c r="B33" s="1491">
        <v>1709</v>
      </c>
      <c r="C33" s="1527">
        <v>2092</v>
      </c>
      <c r="D33" s="1541">
        <v>0</v>
      </c>
      <c r="E33" s="890">
        <v>2063</v>
      </c>
      <c r="F33" s="1541">
        <v>383</v>
      </c>
      <c r="G33" s="1289">
        <v>29</v>
      </c>
      <c r="H33" s="1292">
        <v>0</v>
      </c>
      <c r="J33" s="1491">
        <v>525.67551148780933</v>
      </c>
      <c r="L33" s="1529"/>
      <c r="M33" s="1529"/>
      <c r="N33" s="1529"/>
    </row>
    <row r="34" spans="1:14" ht="21" customHeight="1" x14ac:dyDescent="0.15">
      <c r="A34" s="903" t="s">
        <v>12</v>
      </c>
      <c r="B34" s="1495">
        <v>3092</v>
      </c>
      <c r="C34" s="1532">
        <v>3995</v>
      </c>
      <c r="D34" s="1533">
        <v>14</v>
      </c>
      <c r="E34" s="918">
        <v>3923</v>
      </c>
      <c r="F34" s="1533">
        <v>889</v>
      </c>
      <c r="G34" s="1296">
        <v>58</v>
      </c>
      <c r="H34" s="1297">
        <v>0</v>
      </c>
      <c r="J34" s="1495">
        <v>490.68772455469929</v>
      </c>
      <c r="L34" s="1529"/>
      <c r="M34" s="1529"/>
      <c r="N34" s="1529"/>
    </row>
    <row r="35" spans="1:14" ht="21" customHeight="1" x14ac:dyDescent="0.15">
      <c r="A35" s="903" t="s">
        <v>11</v>
      </c>
      <c r="B35" s="1495">
        <v>2012</v>
      </c>
      <c r="C35" s="1532">
        <v>2634</v>
      </c>
      <c r="D35" s="1533">
        <v>19</v>
      </c>
      <c r="E35" s="918">
        <v>2580</v>
      </c>
      <c r="F35" s="1533">
        <v>603</v>
      </c>
      <c r="G35" s="1296">
        <v>35</v>
      </c>
      <c r="H35" s="1297">
        <v>0</v>
      </c>
      <c r="J35" s="1495">
        <v>536.68861523934254</v>
      </c>
      <c r="L35" s="1529"/>
      <c r="M35" s="1529"/>
      <c r="N35" s="1529"/>
    </row>
    <row r="36" spans="1:14" ht="21" customHeight="1" x14ac:dyDescent="0.15">
      <c r="A36" s="903" t="s">
        <v>10</v>
      </c>
      <c r="B36" s="1495">
        <v>1867</v>
      </c>
      <c r="C36" s="1532">
        <v>2390</v>
      </c>
      <c r="D36" s="1533">
        <v>14</v>
      </c>
      <c r="E36" s="918">
        <v>2360</v>
      </c>
      <c r="F36" s="1533">
        <v>509</v>
      </c>
      <c r="G36" s="1296">
        <v>16</v>
      </c>
      <c r="H36" s="1297">
        <v>0</v>
      </c>
      <c r="J36" s="1495">
        <v>562.52815277143793</v>
      </c>
      <c r="L36" s="1529"/>
      <c r="M36" s="1529"/>
      <c r="N36" s="1529"/>
    </row>
    <row r="37" spans="1:14" ht="21" customHeight="1" thickBot="1" x14ac:dyDescent="0.2">
      <c r="A37" s="924" t="s">
        <v>9</v>
      </c>
      <c r="B37" s="1497">
        <v>2822</v>
      </c>
      <c r="C37" s="1534">
        <v>4096</v>
      </c>
      <c r="D37" s="1535">
        <v>3</v>
      </c>
      <c r="E37" s="926">
        <v>3965</v>
      </c>
      <c r="F37" s="1535">
        <v>1162</v>
      </c>
      <c r="G37" s="1299">
        <v>128</v>
      </c>
      <c r="H37" s="1300">
        <v>109</v>
      </c>
      <c r="J37" s="1497">
        <v>412.50103234888053</v>
      </c>
      <c r="L37" s="1529"/>
      <c r="M37" s="1529"/>
      <c r="N37" s="1529"/>
    </row>
    <row r="38" spans="1:14" ht="21" customHeight="1" x14ac:dyDescent="0.15">
      <c r="A38" s="888" t="s">
        <v>8</v>
      </c>
      <c r="B38" s="1498">
        <v>2782</v>
      </c>
      <c r="C38" s="1527">
        <v>3308</v>
      </c>
      <c r="D38" s="1528">
        <v>0</v>
      </c>
      <c r="E38" s="937">
        <v>3308</v>
      </c>
      <c r="F38" s="1528">
        <v>526</v>
      </c>
      <c r="G38" s="1302">
        <v>0</v>
      </c>
      <c r="H38" s="1303">
        <v>0</v>
      </c>
      <c r="J38" s="1498">
        <v>701.51107300682713</v>
      </c>
      <c r="L38" s="1529"/>
      <c r="M38" s="1529"/>
      <c r="N38" s="1529"/>
    </row>
    <row r="39" spans="1:14" ht="21" customHeight="1" x14ac:dyDescent="0.15">
      <c r="A39" s="903" t="s">
        <v>7</v>
      </c>
      <c r="B39" s="1495">
        <v>1842</v>
      </c>
      <c r="C39" s="1532">
        <v>2110</v>
      </c>
      <c r="D39" s="1533">
        <v>17</v>
      </c>
      <c r="E39" s="918">
        <v>1949</v>
      </c>
      <c r="F39" s="1533">
        <v>246</v>
      </c>
      <c r="G39" s="1296">
        <v>144</v>
      </c>
      <c r="H39" s="1297">
        <v>5</v>
      </c>
      <c r="J39" s="1495">
        <v>815.67404921056311</v>
      </c>
      <c r="L39" s="1529"/>
      <c r="M39" s="1529"/>
      <c r="N39" s="1529"/>
    </row>
    <row r="40" spans="1:14" ht="21" customHeight="1" x14ac:dyDescent="0.15">
      <c r="A40" s="903" t="s">
        <v>6</v>
      </c>
      <c r="B40" s="1495">
        <v>6647</v>
      </c>
      <c r="C40" s="1532">
        <v>7495</v>
      </c>
      <c r="D40" s="1533">
        <v>19</v>
      </c>
      <c r="E40" s="918">
        <v>6958</v>
      </c>
      <c r="F40" s="1533">
        <v>809</v>
      </c>
      <c r="G40" s="1296">
        <v>518</v>
      </c>
      <c r="H40" s="1297">
        <v>20</v>
      </c>
      <c r="J40" s="1495">
        <v>823.80163322670728</v>
      </c>
      <c r="L40" s="1529"/>
      <c r="M40" s="1529"/>
      <c r="N40" s="1529"/>
    </row>
    <row r="41" spans="1:14" ht="21" customHeight="1" x14ac:dyDescent="0.15">
      <c r="A41" s="903" t="s">
        <v>5</v>
      </c>
      <c r="B41" s="1495">
        <v>6881</v>
      </c>
      <c r="C41" s="1532">
        <v>10100</v>
      </c>
      <c r="D41" s="1533">
        <v>329</v>
      </c>
      <c r="E41" s="918">
        <v>8545</v>
      </c>
      <c r="F41" s="1533">
        <v>2400</v>
      </c>
      <c r="G41" s="1296">
        <v>1226</v>
      </c>
      <c r="H41" s="1297">
        <v>490</v>
      </c>
      <c r="J41" s="1495">
        <v>481.10386103153115</v>
      </c>
      <c r="L41" s="1529"/>
      <c r="M41" s="1529"/>
      <c r="N41" s="1529"/>
    </row>
    <row r="42" spans="1:14" ht="21" customHeight="1" thickBot="1" x14ac:dyDescent="0.2">
      <c r="A42" s="924" t="s">
        <v>4</v>
      </c>
      <c r="B42" s="1497">
        <v>520</v>
      </c>
      <c r="C42" s="1532">
        <v>745</v>
      </c>
      <c r="D42" s="1535">
        <v>0</v>
      </c>
      <c r="E42" s="926">
        <v>741</v>
      </c>
      <c r="F42" s="1535">
        <v>225</v>
      </c>
      <c r="G42" s="1299">
        <v>4</v>
      </c>
      <c r="H42" s="1300">
        <v>0</v>
      </c>
      <c r="J42" s="1497">
        <v>496.74251542767621</v>
      </c>
      <c r="L42" s="1529"/>
      <c r="M42" s="1529"/>
      <c r="N42" s="1529"/>
    </row>
    <row r="43" spans="1:14" ht="21" customHeight="1" thickBot="1" x14ac:dyDescent="0.2">
      <c r="A43" s="962" t="s">
        <v>65</v>
      </c>
      <c r="B43" s="1502">
        <v>52314</v>
      </c>
      <c r="C43" s="1539">
        <v>71088</v>
      </c>
      <c r="D43" s="1540">
        <v>2133</v>
      </c>
      <c r="E43" s="964">
        <v>65204</v>
      </c>
      <c r="F43" s="1540">
        <v>15659</v>
      </c>
      <c r="G43" s="1501">
        <v>3751</v>
      </c>
      <c r="H43" s="1307">
        <v>982</v>
      </c>
      <c r="J43" s="1502">
        <v>507.82513649001811</v>
      </c>
      <c r="L43" s="1529"/>
      <c r="M43" s="1529"/>
      <c r="N43" s="1529"/>
    </row>
    <row r="44" spans="1:14" ht="21" customHeight="1" thickBot="1" x14ac:dyDescent="0.2">
      <c r="A44" s="984" t="s">
        <v>148</v>
      </c>
      <c r="B44" s="1505">
        <v>1355280</v>
      </c>
      <c r="C44" s="1542">
        <v>1920197</v>
      </c>
      <c r="D44" s="1543">
        <v>196400</v>
      </c>
      <c r="E44" s="986">
        <v>1688551</v>
      </c>
      <c r="F44" s="1543">
        <v>363813</v>
      </c>
      <c r="G44" s="1308">
        <v>35246</v>
      </c>
      <c r="H44" s="1310">
        <v>4704</v>
      </c>
      <c r="J44" s="1505">
        <v>402.4296771932917</v>
      </c>
      <c r="L44" s="1529"/>
      <c r="M44" s="1529"/>
      <c r="N44" s="1529"/>
    </row>
    <row r="45" spans="1:14" ht="15.75" x14ac:dyDescent="0.15">
      <c r="A45" s="997" t="s">
        <v>557</v>
      </c>
      <c r="B45" s="684"/>
      <c r="C45"/>
      <c r="D45" s="684"/>
      <c r="L45" s="1529"/>
      <c r="M45" s="1529"/>
      <c r="N45" s="1529"/>
    </row>
    <row r="46" spans="1:14" ht="15.75" x14ac:dyDescent="0.15">
      <c r="A46" s="1544" t="s">
        <v>558</v>
      </c>
      <c r="B46" s="1507"/>
      <c r="C46" s="1507"/>
      <c r="D46" s="1507"/>
      <c r="E46" s="1507"/>
      <c r="F46" s="1507"/>
      <c r="G46" s="1507"/>
      <c r="H46" s="1507"/>
      <c r="L46" s="1529"/>
      <c r="M46" s="1529"/>
      <c r="N46" s="1529"/>
    </row>
    <row r="47" spans="1:14" s="1507" customFormat="1" x14ac:dyDescent="0.15">
      <c r="A47"/>
      <c r="B47"/>
      <c r="C47"/>
      <c r="D47"/>
      <c r="E47"/>
      <c r="F47"/>
      <c r="G47"/>
      <c r="H47"/>
      <c r="L47" s="1518"/>
      <c r="M47" s="1518"/>
      <c r="N47" s="1518"/>
    </row>
    <row r="48" spans="1:14" ht="15.75" x14ac:dyDescent="0.15">
      <c r="C48"/>
      <c r="L48" s="1529"/>
      <c r="M48" s="1529"/>
      <c r="N48" s="1529"/>
    </row>
    <row r="49" spans="3:14" ht="15.75" x14ac:dyDescent="0.15">
      <c r="C49"/>
      <c r="L49" s="1529"/>
      <c r="M49" s="1529"/>
      <c r="N49" s="1529"/>
    </row>
    <row r="50" spans="3:14" ht="15.75" x14ac:dyDescent="0.15">
      <c r="C50"/>
      <c r="L50" s="1529"/>
      <c r="M50" s="1529"/>
      <c r="N50" s="1529"/>
    </row>
    <row r="51" spans="3:14" ht="15.75" x14ac:dyDescent="0.15">
      <c r="C51"/>
      <c r="L51" s="1529"/>
      <c r="M51" s="1529"/>
      <c r="N51" s="1529"/>
    </row>
    <row r="52" spans="3:14" ht="15.75" x14ac:dyDescent="0.15">
      <c r="C52"/>
      <c r="L52" s="1529"/>
      <c r="M52" s="1529"/>
      <c r="N52" s="1529"/>
    </row>
    <row r="53" spans="3:14" ht="15.75" x14ac:dyDescent="0.15">
      <c r="C53"/>
      <c r="L53" s="1529"/>
      <c r="M53" s="1529"/>
      <c r="N53" s="1529"/>
    </row>
    <row r="54" spans="3:14" x14ac:dyDescent="0.15">
      <c r="C54"/>
    </row>
    <row r="55" spans="3:14" x14ac:dyDescent="0.15">
      <c r="C55"/>
    </row>
    <row r="56" spans="3:14" x14ac:dyDescent="0.15">
      <c r="C56"/>
    </row>
    <row r="57" spans="3:14" x14ac:dyDescent="0.15">
      <c r="C57"/>
    </row>
    <row r="58" spans="3:14" x14ac:dyDescent="0.15">
      <c r="C58"/>
    </row>
    <row r="59" spans="3:14" x14ac:dyDescent="0.15">
      <c r="C59"/>
    </row>
    <row r="60" spans="3:14" x14ac:dyDescent="0.15">
      <c r="C60"/>
    </row>
    <row r="61" spans="3:14" x14ac:dyDescent="0.15">
      <c r="C61"/>
    </row>
    <row r="62" spans="3:14" x14ac:dyDescent="0.15">
      <c r="C62"/>
    </row>
    <row r="63" spans="3:14" x14ac:dyDescent="0.15">
      <c r="C63"/>
    </row>
    <row r="64" spans="3:14" x14ac:dyDescent="0.15">
      <c r="C64"/>
    </row>
  </sheetData>
  <mergeCells count="3">
    <mergeCell ref="A5:A8"/>
    <mergeCell ref="J5:J8"/>
    <mergeCell ref="B6:B7"/>
  </mergeCells>
  <phoneticPr fontId="3"/>
  <conditionalFormatting sqref="A45">
    <cfRule type="cellIs" dxfId="2" priority="1" operator="lessThanOrEqual">
      <formula>0</formula>
    </cfRule>
  </conditionalFormatting>
  <conditionalFormatting sqref="B9:H44 J9:J44">
    <cfRule type="cellIs" dxfId="1" priority="2" operator="equal">
      <formula>0</formula>
    </cfRule>
  </conditionalFormatting>
  <pageMargins left="0.59055118110236227" right="0.59055118110236227" top="0.78740157480314965" bottom="0.78740157480314965" header="0.51181102362204722" footer="0.39370078740157483"/>
  <pageSetup paperSize="9" scale="84" orientation="portrait"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DD201DA-16E4-45D2-A586-581AEB22C3C3}">
  <dimension ref="A1:I43"/>
  <sheetViews>
    <sheetView zoomScaleNormal="100" zoomScaleSheetLayoutView="100" workbookViewId="0">
      <pane xSplit="1" ySplit="7" topLeftCell="B8" activePane="bottomRight" state="frozen"/>
      <selection activeCell="Y11" sqref="Y11"/>
      <selection pane="topRight" activeCell="Y11" sqref="Y11"/>
      <selection pane="bottomLeft" activeCell="Y11" sqref="Y11"/>
      <selection pane="bottomRight" activeCell="K7" sqref="K7"/>
    </sheetView>
  </sheetViews>
  <sheetFormatPr defaultColWidth="9" defaultRowHeight="16.5" customHeight="1" x14ac:dyDescent="0.15"/>
  <cols>
    <col min="1" max="1" width="14.5" style="81" customWidth="1"/>
    <col min="2" max="2" width="8.625" style="287" customWidth="1"/>
    <col min="3" max="3" width="7.875" style="287" customWidth="1"/>
    <col min="4" max="4" width="8.625" style="287" customWidth="1"/>
    <col min="5" max="5" width="7.875" style="287" customWidth="1"/>
    <col min="6" max="6" width="9.125" style="287" customWidth="1"/>
    <col min="7" max="7" width="8.625" style="287" customWidth="1"/>
    <col min="8" max="8" width="7.875" style="287" customWidth="1"/>
    <col min="9" max="9" width="11.125" style="287" customWidth="1"/>
    <col min="10" max="10" width="11.625" style="287" customWidth="1"/>
    <col min="11" max="16384" width="9" style="287"/>
  </cols>
  <sheetData>
    <row r="1" spans="1:9" ht="16.5" customHeight="1" x14ac:dyDescent="0.15">
      <c r="A1" s="1545" t="s">
        <v>559</v>
      </c>
    </row>
    <row r="2" spans="1:9" ht="9" customHeight="1" x14ac:dyDescent="0.15">
      <c r="A2" s="425"/>
      <c r="G2" s="142"/>
    </row>
    <row r="3" spans="1:9" s="142" customFormat="1" ht="16.5" customHeight="1" thickBot="1" x14ac:dyDescent="0.2">
      <c r="A3" s="1139"/>
      <c r="I3" s="1293" t="s">
        <v>412</v>
      </c>
    </row>
    <row r="4" spans="1:9" s="1006" customFormat="1" ht="16.5" customHeight="1" thickBot="1" x14ac:dyDescent="0.2">
      <c r="A4" s="2041" t="s">
        <v>337</v>
      </c>
      <c r="B4" s="1546"/>
      <c r="C4" s="1547"/>
      <c r="D4" s="1548"/>
      <c r="E4" s="1548"/>
      <c r="F4" s="1547"/>
      <c r="G4" s="1548"/>
      <c r="H4" s="1548"/>
      <c r="I4" s="1549"/>
    </row>
    <row r="5" spans="1:9" s="1006" customFormat="1" ht="16.5" customHeight="1" x14ac:dyDescent="0.15">
      <c r="A5" s="2042"/>
      <c r="B5" s="1550" t="s">
        <v>538</v>
      </c>
      <c r="C5" s="1551" t="s">
        <v>560</v>
      </c>
      <c r="D5" s="1552"/>
      <c r="E5" s="1552"/>
      <c r="F5" s="1551" t="s">
        <v>542</v>
      </c>
      <c r="G5" s="1552"/>
      <c r="H5" s="1552"/>
      <c r="I5" s="2044" t="s">
        <v>561</v>
      </c>
    </row>
    <row r="6" spans="1:9" s="1006" customFormat="1" ht="16.5" customHeight="1" x14ac:dyDescent="0.15">
      <c r="A6" s="2042"/>
      <c r="B6" s="2046" t="s">
        <v>562</v>
      </c>
      <c r="C6" s="2047" t="s">
        <v>563</v>
      </c>
      <c r="D6" s="1553" t="s">
        <v>564</v>
      </c>
      <c r="E6" s="1554" t="s">
        <v>565</v>
      </c>
      <c r="F6" s="2047" t="s">
        <v>283</v>
      </c>
      <c r="G6" s="1553" t="s">
        <v>566</v>
      </c>
      <c r="H6" s="1554" t="s">
        <v>567</v>
      </c>
      <c r="I6" s="2045"/>
    </row>
    <row r="7" spans="1:9" s="1006" customFormat="1" ht="16.5" customHeight="1" thickBot="1" x14ac:dyDescent="0.2">
      <c r="A7" s="2043"/>
      <c r="B7" s="2043"/>
      <c r="C7" s="2048"/>
      <c r="D7" s="1555" t="s">
        <v>568</v>
      </c>
      <c r="E7" s="887" t="s">
        <v>291</v>
      </c>
      <c r="F7" s="2048"/>
      <c r="G7" s="1555" t="s">
        <v>568</v>
      </c>
      <c r="H7" s="887" t="s">
        <v>291</v>
      </c>
      <c r="I7" s="1556" t="s">
        <v>569</v>
      </c>
    </row>
    <row r="8" spans="1:9" s="997" customFormat="1" ht="16.5" customHeight="1" x14ac:dyDescent="0.15">
      <c r="A8" s="888" t="s">
        <v>37</v>
      </c>
      <c r="B8" s="1557">
        <v>865812</v>
      </c>
      <c r="C8" s="1558">
        <v>0</v>
      </c>
      <c r="D8" s="1559">
        <v>0</v>
      </c>
      <c r="E8" s="1560">
        <v>0</v>
      </c>
      <c r="F8" s="1558">
        <v>735692</v>
      </c>
      <c r="G8" s="1559">
        <v>500980</v>
      </c>
      <c r="H8" s="1560">
        <v>234712</v>
      </c>
      <c r="I8" s="1560">
        <v>500980</v>
      </c>
    </row>
    <row r="9" spans="1:9" s="997" customFormat="1" ht="16.5" customHeight="1" x14ac:dyDescent="0.15">
      <c r="A9" s="903" t="s">
        <v>36</v>
      </c>
      <c r="B9" s="1561">
        <v>358208</v>
      </c>
      <c r="C9" s="1558">
        <v>298253</v>
      </c>
      <c r="D9" s="1562">
        <v>215171</v>
      </c>
      <c r="E9" s="1563">
        <v>83082</v>
      </c>
      <c r="F9" s="1558">
        <v>0</v>
      </c>
      <c r="G9" s="1562">
        <v>0</v>
      </c>
      <c r="H9" s="1563">
        <v>0</v>
      </c>
      <c r="I9" s="1563">
        <v>215171</v>
      </c>
    </row>
    <row r="10" spans="1:9" s="997" customFormat="1" ht="16.5" customHeight="1" x14ac:dyDescent="0.15">
      <c r="A10" s="903" t="s">
        <v>35</v>
      </c>
      <c r="B10" s="1561">
        <v>188779</v>
      </c>
      <c r="C10" s="1558">
        <v>108578</v>
      </c>
      <c r="D10" s="1562">
        <v>108578</v>
      </c>
      <c r="E10" s="1563">
        <v>0</v>
      </c>
      <c r="F10" s="1558">
        <v>45704</v>
      </c>
      <c r="G10" s="1562">
        <v>0</v>
      </c>
      <c r="H10" s="1563">
        <v>45704</v>
      </c>
      <c r="I10" s="1563">
        <v>108578</v>
      </c>
    </row>
    <row r="11" spans="1:9" s="997" customFormat="1" ht="16.5" customHeight="1" x14ac:dyDescent="0.15">
      <c r="A11" s="903" t="s">
        <v>34</v>
      </c>
      <c r="B11" s="1561">
        <v>88120</v>
      </c>
      <c r="C11" s="1558">
        <v>0</v>
      </c>
      <c r="D11" s="1562">
        <v>0</v>
      </c>
      <c r="E11" s="1563">
        <v>0</v>
      </c>
      <c r="F11" s="1558">
        <v>73731</v>
      </c>
      <c r="G11" s="1562">
        <v>55392</v>
      </c>
      <c r="H11" s="1563">
        <v>18339</v>
      </c>
      <c r="I11" s="1563">
        <v>55392</v>
      </c>
    </row>
    <row r="12" spans="1:9" s="997" customFormat="1" ht="16.5" customHeight="1" thickBot="1" x14ac:dyDescent="0.2">
      <c r="A12" s="924" t="s">
        <v>33</v>
      </c>
      <c r="B12" s="1564">
        <v>67723</v>
      </c>
      <c r="C12" s="1565">
        <v>0</v>
      </c>
      <c r="D12" s="1566">
        <v>0</v>
      </c>
      <c r="E12" s="1567">
        <v>0</v>
      </c>
      <c r="F12" s="1565">
        <v>51044</v>
      </c>
      <c r="G12" s="1566">
        <v>36653</v>
      </c>
      <c r="H12" s="1567">
        <v>14391</v>
      </c>
      <c r="I12" s="1567">
        <v>36653</v>
      </c>
    </row>
    <row r="13" spans="1:9" s="997" customFormat="1" ht="16.5" customHeight="1" x14ac:dyDescent="0.15">
      <c r="A13" s="888" t="s">
        <v>32</v>
      </c>
      <c r="B13" s="1557">
        <v>46142</v>
      </c>
      <c r="C13" s="1568">
        <v>0</v>
      </c>
      <c r="D13" s="1569">
        <v>0</v>
      </c>
      <c r="E13" s="1570">
        <v>0</v>
      </c>
      <c r="F13" s="1568">
        <v>19944</v>
      </c>
      <c r="G13" s="1569">
        <v>18200</v>
      </c>
      <c r="H13" s="1570">
        <v>1744</v>
      </c>
      <c r="I13" s="1560">
        <v>18200</v>
      </c>
    </row>
    <row r="14" spans="1:9" s="997" customFormat="1" ht="16.5" customHeight="1" x14ac:dyDescent="0.15">
      <c r="A14" s="903" t="s">
        <v>31</v>
      </c>
      <c r="B14" s="1561">
        <v>96757</v>
      </c>
      <c r="C14" s="1571">
        <v>0</v>
      </c>
      <c r="D14" s="1562">
        <v>0</v>
      </c>
      <c r="E14" s="1563">
        <v>0</v>
      </c>
      <c r="F14" s="1571">
        <v>78155</v>
      </c>
      <c r="G14" s="1562">
        <v>53849</v>
      </c>
      <c r="H14" s="1563">
        <v>24306</v>
      </c>
      <c r="I14" s="1563">
        <v>53849</v>
      </c>
    </row>
    <row r="15" spans="1:9" s="997" customFormat="1" ht="16.5" customHeight="1" x14ac:dyDescent="0.15">
      <c r="A15" s="903" t="s">
        <v>30</v>
      </c>
      <c r="B15" s="1561">
        <v>57492</v>
      </c>
      <c r="C15" s="1571">
        <v>0</v>
      </c>
      <c r="D15" s="1562">
        <v>0</v>
      </c>
      <c r="E15" s="1563">
        <v>0</v>
      </c>
      <c r="F15" s="1571">
        <v>42998</v>
      </c>
      <c r="G15" s="1562">
        <v>30412</v>
      </c>
      <c r="H15" s="1563">
        <v>12586</v>
      </c>
      <c r="I15" s="1563">
        <v>30412</v>
      </c>
    </row>
    <row r="16" spans="1:9" s="997" customFormat="1" ht="16.5" customHeight="1" x14ac:dyDescent="0.15">
      <c r="A16" s="903" t="s">
        <v>29</v>
      </c>
      <c r="B16" s="1561">
        <v>57917</v>
      </c>
      <c r="C16" s="1558">
        <v>0</v>
      </c>
      <c r="D16" s="1562">
        <v>0</v>
      </c>
      <c r="E16" s="1563">
        <v>0</v>
      </c>
      <c r="F16" s="1558">
        <v>41122</v>
      </c>
      <c r="G16" s="1562">
        <v>31389</v>
      </c>
      <c r="H16" s="1563">
        <v>9733</v>
      </c>
      <c r="I16" s="1563">
        <v>31389</v>
      </c>
    </row>
    <row r="17" spans="1:9" s="997" customFormat="1" ht="16.5" customHeight="1" thickBot="1" x14ac:dyDescent="0.2">
      <c r="A17" s="924" t="s">
        <v>28</v>
      </c>
      <c r="B17" s="1564">
        <v>11842</v>
      </c>
      <c r="C17" s="1572">
        <v>0</v>
      </c>
      <c r="D17" s="1566">
        <v>0</v>
      </c>
      <c r="E17" s="1567">
        <v>0</v>
      </c>
      <c r="F17" s="1572">
        <v>8382</v>
      </c>
      <c r="G17" s="1566">
        <v>6591</v>
      </c>
      <c r="H17" s="1567">
        <v>1791</v>
      </c>
      <c r="I17" s="1567">
        <v>6591</v>
      </c>
    </row>
    <row r="18" spans="1:9" s="997" customFormat="1" ht="16.5" customHeight="1" x14ac:dyDescent="0.15">
      <c r="A18" s="888" t="s">
        <v>27</v>
      </c>
      <c r="B18" s="1557">
        <v>11786</v>
      </c>
      <c r="C18" s="1573">
        <v>0</v>
      </c>
      <c r="D18" s="1569">
        <v>0</v>
      </c>
      <c r="E18" s="1570">
        <v>0</v>
      </c>
      <c r="F18" s="1573">
        <v>7829</v>
      </c>
      <c r="G18" s="1569">
        <v>5336</v>
      </c>
      <c r="H18" s="1570">
        <v>2493</v>
      </c>
      <c r="I18" s="1560">
        <v>5336</v>
      </c>
    </row>
    <row r="19" spans="1:9" s="997" customFormat="1" ht="16.5" customHeight="1" x14ac:dyDescent="0.15">
      <c r="A19" s="903" t="s">
        <v>26</v>
      </c>
      <c r="B19" s="1561">
        <v>43145</v>
      </c>
      <c r="C19" s="1571">
        <v>0</v>
      </c>
      <c r="D19" s="1562">
        <v>0</v>
      </c>
      <c r="E19" s="1563">
        <v>0</v>
      </c>
      <c r="F19" s="1571">
        <v>31360</v>
      </c>
      <c r="G19" s="1562">
        <v>23598</v>
      </c>
      <c r="H19" s="1563">
        <v>7762</v>
      </c>
      <c r="I19" s="1563">
        <v>23598</v>
      </c>
    </row>
    <row r="20" spans="1:9" s="997" customFormat="1" ht="16.5" customHeight="1" x14ac:dyDescent="0.15">
      <c r="A20" s="903" t="s">
        <v>25</v>
      </c>
      <c r="B20" s="1561">
        <v>61962</v>
      </c>
      <c r="C20" s="1571">
        <v>0</v>
      </c>
      <c r="D20" s="1562">
        <v>0</v>
      </c>
      <c r="E20" s="1563">
        <v>0</v>
      </c>
      <c r="F20" s="1571">
        <v>45106</v>
      </c>
      <c r="G20" s="1562">
        <v>30627</v>
      </c>
      <c r="H20" s="1563">
        <v>14479</v>
      </c>
      <c r="I20" s="1563">
        <v>30627</v>
      </c>
    </row>
    <row r="21" spans="1:9" s="997" customFormat="1" ht="16.5" customHeight="1" x14ac:dyDescent="0.15">
      <c r="A21" s="903" t="s">
        <v>24</v>
      </c>
      <c r="B21" s="1561">
        <v>58429</v>
      </c>
      <c r="C21" s="1571">
        <v>0</v>
      </c>
      <c r="D21" s="1562">
        <v>0</v>
      </c>
      <c r="E21" s="1563">
        <v>0</v>
      </c>
      <c r="F21" s="1571">
        <v>44183</v>
      </c>
      <c r="G21" s="1562">
        <v>31631</v>
      </c>
      <c r="H21" s="1563">
        <v>12552</v>
      </c>
      <c r="I21" s="1563">
        <v>31631</v>
      </c>
    </row>
    <row r="22" spans="1:9" s="997" customFormat="1" ht="16.5" customHeight="1" thickBot="1" x14ac:dyDescent="0.2">
      <c r="A22" s="924" t="s">
        <v>23</v>
      </c>
      <c r="B22" s="1564">
        <v>24765</v>
      </c>
      <c r="C22" s="1565">
        <v>0</v>
      </c>
      <c r="D22" s="1566">
        <v>0</v>
      </c>
      <c r="E22" s="1567">
        <v>0</v>
      </c>
      <c r="F22" s="1565">
        <v>20591</v>
      </c>
      <c r="G22" s="1566">
        <v>15711</v>
      </c>
      <c r="H22" s="1567">
        <v>4880</v>
      </c>
      <c r="I22" s="1567">
        <v>15711</v>
      </c>
    </row>
    <row r="23" spans="1:9" s="997" customFormat="1" ht="16.5" customHeight="1" x14ac:dyDescent="0.15">
      <c r="A23" s="888" t="s">
        <v>22</v>
      </c>
      <c r="B23" s="1557">
        <v>34232</v>
      </c>
      <c r="C23" s="1574">
        <v>0</v>
      </c>
      <c r="D23" s="1569">
        <v>0</v>
      </c>
      <c r="E23" s="1570">
        <v>0</v>
      </c>
      <c r="F23" s="1574">
        <v>23957</v>
      </c>
      <c r="G23" s="1569">
        <v>16419</v>
      </c>
      <c r="H23" s="1570">
        <v>7538</v>
      </c>
      <c r="I23" s="1560">
        <v>16419</v>
      </c>
    </row>
    <row r="24" spans="1:9" s="997" customFormat="1" ht="16.5" customHeight="1" x14ac:dyDescent="0.15">
      <c r="A24" s="903" t="s">
        <v>21</v>
      </c>
      <c r="B24" s="1561">
        <v>31143</v>
      </c>
      <c r="C24" s="1558">
        <v>0</v>
      </c>
      <c r="D24" s="1562">
        <v>0</v>
      </c>
      <c r="E24" s="1563">
        <v>0</v>
      </c>
      <c r="F24" s="1558">
        <v>22877</v>
      </c>
      <c r="G24" s="1562">
        <v>17529</v>
      </c>
      <c r="H24" s="1563">
        <v>5348</v>
      </c>
      <c r="I24" s="1563">
        <v>17529</v>
      </c>
    </row>
    <row r="25" spans="1:9" s="997" customFormat="1" ht="16.5" customHeight="1" x14ac:dyDescent="0.15">
      <c r="A25" s="903" t="s">
        <v>20</v>
      </c>
      <c r="B25" s="1561">
        <v>11140</v>
      </c>
      <c r="C25" s="1558">
        <v>0</v>
      </c>
      <c r="D25" s="1562">
        <v>0</v>
      </c>
      <c r="E25" s="1563">
        <v>0</v>
      </c>
      <c r="F25" s="1558">
        <v>8091</v>
      </c>
      <c r="G25" s="1562">
        <v>6608</v>
      </c>
      <c r="H25" s="1563">
        <v>1483</v>
      </c>
      <c r="I25" s="1563">
        <v>6608</v>
      </c>
    </row>
    <row r="26" spans="1:9" s="997" customFormat="1" ht="16.5" customHeight="1" thickBot="1" x14ac:dyDescent="0.2">
      <c r="A26" s="952" t="s">
        <v>19</v>
      </c>
      <c r="B26" s="1564">
        <v>21529</v>
      </c>
      <c r="C26" s="1558">
        <v>0</v>
      </c>
      <c r="D26" s="1562">
        <v>0</v>
      </c>
      <c r="E26" s="1567">
        <v>0</v>
      </c>
      <c r="F26" s="1558">
        <v>15765</v>
      </c>
      <c r="G26" s="1562">
        <v>11932</v>
      </c>
      <c r="H26" s="1567">
        <v>3833</v>
      </c>
      <c r="I26" s="1567">
        <v>11932</v>
      </c>
    </row>
    <row r="27" spans="1:9" s="997" customFormat="1" ht="16.5" customHeight="1" thickBot="1" x14ac:dyDescent="0.2">
      <c r="A27" s="962" t="s">
        <v>18</v>
      </c>
      <c r="B27" s="1575">
        <v>2136923</v>
      </c>
      <c r="C27" s="1576">
        <v>406831</v>
      </c>
      <c r="D27" s="1577">
        <v>323749</v>
      </c>
      <c r="E27" s="1578">
        <v>83082</v>
      </c>
      <c r="F27" s="1576">
        <v>1316531</v>
      </c>
      <c r="G27" s="1577">
        <v>892857</v>
      </c>
      <c r="H27" s="1578">
        <v>423674</v>
      </c>
      <c r="I27" s="1579">
        <v>1216606</v>
      </c>
    </row>
    <row r="28" spans="1:9" s="997" customFormat="1" ht="16.5" customHeight="1" x14ac:dyDescent="0.15">
      <c r="A28" s="888" t="s">
        <v>17</v>
      </c>
      <c r="B28" s="1580">
        <v>6802</v>
      </c>
      <c r="C28" s="1558">
        <v>0</v>
      </c>
      <c r="D28" s="1581">
        <v>0</v>
      </c>
      <c r="E28" s="1560">
        <v>0</v>
      </c>
      <c r="F28" s="1558">
        <v>4704</v>
      </c>
      <c r="G28" s="1581">
        <v>3513</v>
      </c>
      <c r="H28" s="1560">
        <v>1191</v>
      </c>
      <c r="I28" s="1560">
        <v>3513</v>
      </c>
    </row>
    <row r="29" spans="1:9" s="997" customFormat="1" ht="16.5" customHeight="1" x14ac:dyDescent="0.15">
      <c r="A29" s="903" t="s">
        <v>16</v>
      </c>
      <c r="B29" s="1580">
        <v>11899</v>
      </c>
      <c r="C29" s="1558">
        <v>0</v>
      </c>
      <c r="D29" s="1562">
        <v>0</v>
      </c>
      <c r="E29" s="1563">
        <v>0</v>
      </c>
      <c r="F29" s="1558">
        <v>8622</v>
      </c>
      <c r="G29" s="1562">
        <v>6117</v>
      </c>
      <c r="H29" s="1563">
        <v>2505</v>
      </c>
      <c r="I29" s="1570">
        <v>6117</v>
      </c>
    </row>
    <row r="30" spans="1:9" s="997" customFormat="1" ht="16.5" customHeight="1" x14ac:dyDescent="0.15">
      <c r="A30" s="903" t="s">
        <v>15</v>
      </c>
      <c r="B30" s="1580">
        <v>8662</v>
      </c>
      <c r="C30" s="1558">
        <v>0</v>
      </c>
      <c r="D30" s="1562">
        <v>0</v>
      </c>
      <c r="E30" s="1563">
        <v>0</v>
      </c>
      <c r="F30" s="1558">
        <v>6259</v>
      </c>
      <c r="G30" s="1562">
        <v>5003</v>
      </c>
      <c r="H30" s="1563">
        <v>1256</v>
      </c>
      <c r="I30" s="1570">
        <v>5003</v>
      </c>
    </row>
    <row r="31" spans="1:9" s="997" customFormat="1" ht="16.5" customHeight="1" thickBot="1" x14ac:dyDescent="0.2">
      <c r="A31" s="924" t="s">
        <v>14</v>
      </c>
      <c r="B31" s="1582">
        <v>6907</v>
      </c>
      <c r="C31" s="1572">
        <v>0</v>
      </c>
      <c r="D31" s="1566">
        <v>0</v>
      </c>
      <c r="E31" s="1567">
        <v>0</v>
      </c>
      <c r="F31" s="1572">
        <v>4551</v>
      </c>
      <c r="G31" s="1566">
        <v>4047</v>
      </c>
      <c r="H31" s="1567">
        <v>504</v>
      </c>
      <c r="I31" s="1583">
        <v>4047</v>
      </c>
    </row>
    <row r="32" spans="1:9" s="997" customFormat="1" ht="16.5" customHeight="1" x14ac:dyDescent="0.15">
      <c r="A32" s="888" t="s">
        <v>13</v>
      </c>
      <c r="B32" s="1557">
        <v>2643</v>
      </c>
      <c r="C32" s="1584">
        <v>0</v>
      </c>
      <c r="D32" s="1569">
        <v>0</v>
      </c>
      <c r="E32" s="1563">
        <v>0</v>
      </c>
      <c r="F32" s="1584">
        <v>2189</v>
      </c>
      <c r="G32" s="1569">
        <v>1610</v>
      </c>
      <c r="H32" s="1563">
        <v>579</v>
      </c>
      <c r="I32" s="1560">
        <v>1610</v>
      </c>
    </row>
    <row r="33" spans="1:9" s="997" customFormat="1" ht="16.5" customHeight="1" x14ac:dyDescent="0.15">
      <c r="A33" s="903" t="s">
        <v>12</v>
      </c>
      <c r="B33" s="1580">
        <v>4756</v>
      </c>
      <c r="C33" s="1558">
        <v>0</v>
      </c>
      <c r="D33" s="1562">
        <v>0</v>
      </c>
      <c r="E33" s="1563">
        <v>0</v>
      </c>
      <c r="F33" s="1558">
        <v>3731</v>
      </c>
      <c r="G33" s="1562">
        <v>2908</v>
      </c>
      <c r="H33" s="1563">
        <v>823</v>
      </c>
      <c r="I33" s="1570">
        <v>2908</v>
      </c>
    </row>
    <row r="34" spans="1:9" s="997" customFormat="1" ht="16.5" customHeight="1" x14ac:dyDescent="0.15">
      <c r="A34" s="903" t="s">
        <v>11</v>
      </c>
      <c r="B34" s="1580">
        <v>2901</v>
      </c>
      <c r="C34" s="1558">
        <v>0</v>
      </c>
      <c r="D34" s="1562">
        <v>0</v>
      </c>
      <c r="E34" s="1563">
        <v>0</v>
      </c>
      <c r="F34" s="1558">
        <v>2210</v>
      </c>
      <c r="G34" s="1562">
        <v>1896</v>
      </c>
      <c r="H34" s="1563">
        <v>314</v>
      </c>
      <c r="I34" s="1570">
        <v>1896</v>
      </c>
    </row>
    <row r="35" spans="1:9" s="997" customFormat="1" ht="16.5" customHeight="1" x14ac:dyDescent="0.15">
      <c r="A35" s="903" t="s">
        <v>10</v>
      </c>
      <c r="B35" s="1580">
        <v>3031</v>
      </c>
      <c r="C35" s="1558">
        <v>0</v>
      </c>
      <c r="D35" s="1562">
        <v>0</v>
      </c>
      <c r="E35" s="1563">
        <v>0</v>
      </c>
      <c r="F35" s="1558">
        <v>2470</v>
      </c>
      <c r="G35" s="1562">
        <v>1804</v>
      </c>
      <c r="H35" s="1563">
        <v>666</v>
      </c>
      <c r="I35" s="1570">
        <v>1804</v>
      </c>
    </row>
    <row r="36" spans="1:9" s="997" customFormat="1" ht="16.5" customHeight="1" thickBot="1" x14ac:dyDescent="0.2">
      <c r="A36" s="924" t="s">
        <v>9</v>
      </c>
      <c r="B36" s="1582">
        <v>4817</v>
      </c>
      <c r="C36" s="1585">
        <v>0</v>
      </c>
      <c r="D36" s="1566">
        <v>0</v>
      </c>
      <c r="E36" s="1567">
        <v>0</v>
      </c>
      <c r="F36" s="1585">
        <v>3604</v>
      </c>
      <c r="G36" s="1566">
        <v>2752</v>
      </c>
      <c r="H36" s="1567">
        <v>852</v>
      </c>
      <c r="I36" s="1583">
        <v>2752</v>
      </c>
    </row>
    <row r="37" spans="1:9" s="997" customFormat="1" ht="16.5" customHeight="1" x14ac:dyDescent="0.15">
      <c r="A37" s="888" t="s">
        <v>8</v>
      </c>
      <c r="B37" s="1557">
        <v>11874</v>
      </c>
      <c r="C37" s="1574">
        <v>0</v>
      </c>
      <c r="D37" s="1569">
        <v>0</v>
      </c>
      <c r="E37" s="1570">
        <v>0</v>
      </c>
      <c r="F37" s="1574">
        <v>10331</v>
      </c>
      <c r="G37" s="1569">
        <v>2695</v>
      </c>
      <c r="H37" s="1570">
        <v>7636</v>
      </c>
      <c r="I37" s="1560">
        <v>2695</v>
      </c>
    </row>
    <row r="38" spans="1:9" s="997" customFormat="1" ht="16.5" customHeight="1" x14ac:dyDescent="0.15">
      <c r="A38" s="903" t="s">
        <v>7</v>
      </c>
      <c r="B38" s="1580">
        <v>1996</v>
      </c>
      <c r="C38" s="1558">
        <v>0</v>
      </c>
      <c r="D38" s="1562">
        <v>0</v>
      </c>
      <c r="E38" s="1563">
        <v>0</v>
      </c>
      <c r="F38" s="1558">
        <v>1674</v>
      </c>
      <c r="G38" s="1562">
        <v>1628</v>
      </c>
      <c r="H38" s="1563">
        <v>46</v>
      </c>
      <c r="I38" s="1570">
        <v>1628</v>
      </c>
    </row>
    <row r="39" spans="1:9" s="997" customFormat="1" ht="16.5" customHeight="1" x14ac:dyDescent="0.15">
      <c r="A39" s="903" t="s">
        <v>6</v>
      </c>
      <c r="B39" s="1580">
        <v>8654</v>
      </c>
      <c r="C39" s="1558">
        <v>0</v>
      </c>
      <c r="D39" s="1562">
        <v>0</v>
      </c>
      <c r="E39" s="1563">
        <v>0</v>
      </c>
      <c r="F39" s="1558">
        <v>7455</v>
      </c>
      <c r="G39" s="1562">
        <v>5912</v>
      </c>
      <c r="H39" s="1563">
        <v>1543</v>
      </c>
      <c r="I39" s="1570">
        <v>5912</v>
      </c>
    </row>
    <row r="40" spans="1:9" s="997" customFormat="1" ht="16.5" customHeight="1" x14ac:dyDescent="0.15">
      <c r="A40" s="903" t="s">
        <v>5</v>
      </c>
      <c r="B40" s="1580">
        <v>9966</v>
      </c>
      <c r="C40" s="1558">
        <v>0</v>
      </c>
      <c r="D40" s="1562">
        <v>0</v>
      </c>
      <c r="E40" s="1563">
        <v>0</v>
      </c>
      <c r="F40" s="1558">
        <v>7522</v>
      </c>
      <c r="G40" s="1562">
        <v>6101</v>
      </c>
      <c r="H40" s="1563">
        <v>1421</v>
      </c>
      <c r="I40" s="1570">
        <v>6101</v>
      </c>
    </row>
    <row r="41" spans="1:9" s="997" customFormat="1" ht="16.5" customHeight="1" thickBot="1" x14ac:dyDescent="0.2">
      <c r="A41" s="924" t="s">
        <v>4</v>
      </c>
      <c r="B41" s="1586">
        <v>894</v>
      </c>
      <c r="C41" s="1558">
        <v>0</v>
      </c>
      <c r="D41" s="1566">
        <v>0</v>
      </c>
      <c r="E41" s="1567">
        <v>0</v>
      </c>
      <c r="F41" s="1558">
        <v>603</v>
      </c>
      <c r="G41" s="1566">
        <v>450</v>
      </c>
      <c r="H41" s="1567">
        <v>153</v>
      </c>
      <c r="I41" s="1587">
        <v>450</v>
      </c>
    </row>
    <row r="42" spans="1:9" s="997" customFormat="1" ht="16.5" customHeight="1" thickBot="1" x14ac:dyDescent="0.2">
      <c r="A42" s="962" t="s">
        <v>65</v>
      </c>
      <c r="B42" s="1576">
        <v>85802</v>
      </c>
      <c r="C42" s="1576">
        <v>0</v>
      </c>
      <c r="D42" s="1588">
        <v>0</v>
      </c>
      <c r="E42" s="1589" t="s">
        <v>184</v>
      </c>
      <c r="F42" s="1576">
        <v>65925</v>
      </c>
      <c r="G42" s="1588">
        <v>46436</v>
      </c>
      <c r="H42" s="1589">
        <v>19489</v>
      </c>
      <c r="I42" s="1579">
        <v>46436</v>
      </c>
    </row>
    <row r="43" spans="1:9" s="997" customFormat="1" ht="16.5" customHeight="1" thickBot="1" x14ac:dyDescent="0.2">
      <c r="A43" s="984" t="s">
        <v>148</v>
      </c>
      <c r="B43" s="1576">
        <v>2222725</v>
      </c>
      <c r="C43" s="1590">
        <v>406831</v>
      </c>
      <c r="D43" s="1591">
        <v>323749</v>
      </c>
      <c r="E43" s="1592">
        <v>83082</v>
      </c>
      <c r="F43" s="1590">
        <v>1382456</v>
      </c>
      <c r="G43" s="1591">
        <v>939293</v>
      </c>
      <c r="H43" s="1592">
        <v>443163</v>
      </c>
      <c r="I43" s="1587">
        <v>1263042</v>
      </c>
    </row>
  </sheetData>
  <mergeCells count="5">
    <mergeCell ref="A4:A7"/>
    <mergeCell ref="I5:I6"/>
    <mergeCell ref="B6:B7"/>
    <mergeCell ref="C6:C7"/>
    <mergeCell ref="F6:F7"/>
  </mergeCells>
  <phoneticPr fontId="3"/>
  <conditionalFormatting sqref="B8:I43">
    <cfRule type="cellIs" dxfId="0" priority="1" operator="equal">
      <formula>0</formula>
    </cfRule>
  </conditionalFormatting>
  <pageMargins left="0.59055118110236227" right="0.59055118110236227" top="0.78740157480314965" bottom="0.78740157480314965" header="0.51181102362204722" footer="0.39370078740157483"/>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dimension ref="A1:K71"/>
  <sheetViews>
    <sheetView zoomScaleNormal="100" zoomScaleSheetLayoutView="100" workbookViewId="0">
      <selection activeCell="N22" sqref="N22"/>
    </sheetView>
  </sheetViews>
  <sheetFormatPr defaultColWidth="9" defaultRowHeight="16.5" customHeight="1" x14ac:dyDescent="0.15"/>
  <cols>
    <col min="1" max="1" width="10.625" style="4" customWidth="1"/>
    <col min="2" max="2" width="2.375" style="4" customWidth="1"/>
    <col min="3" max="3" width="7.125" style="3" customWidth="1"/>
    <col min="4" max="5" width="9.375" style="1" customWidth="1"/>
    <col min="6" max="6" width="10" style="2" customWidth="1"/>
    <col min="7" max="7" width="9.375" style="1" customWidth="1"/>
    <col min="8" max="8" width="10" style="2" customWidth="1"/>
    <col min="9" max="9" width="9.375" style="1" customWidth="1"/>
    <col min="10" max="10" width="10" style="2" customWidth="1"/>
    <col min="11" max="11" width="6.125" style="1" customWidth="1"/>
    <col min="12" max="16384" width="9" style="1"/>
  </cols>
  <sheetData>
    <row r="1" spans="1:11" s="75" customFormat="1" ht="16.5" customHeight="1" x14ac:dyDescent="0.15">
      <c r="A1" s="78" t="s">
        <v>63</v>
      </c>
      <c r="B1" s="77"/>
      <c r="F1" s="76"/>
      <c r="H1" s="76"/>
      <c r="J1" s="76"/>
    </row>
    <row r="2" spans="1:11" ht="9" customHeight="1" x14ac:dyDescent="0.15">
      <c r="A2" s="1"/>
      <c r="B2" s="1"/>
      <c r="C2" s="1"/>
    </row>
    <row r="3" spans="1:11" ht="16.5" customHeight="1" thickBot="1" x14ac:dyDescent="0.2">
      <c r="A3" s="74" t="s">
        <v>62</v>
      </c>
      <c r="B3" s="73"/>
      <c r="C3" s="72"/>
      <c r="D3" s="71"/>
      <c r="E3" s="71"/>
      <c r="J3" s="1" t="s">
        <v>61</v>
      </c>
    </row>
    <row r="4" spans="1:11" s="3" customFormat="1" ht="19.5" customHeight="1" thickBot="1" x14ac:dyDescent="0.2">
      <c r="A4" s="70"/>
      <c r="B4" s="69"/>
      <c r="C4" s="68"/>
      <c r="D4" s="67"/>
      <c r="E4" s="67"/>
      <c r="F4" s="67"/>
      <c r="G4" s="66"/>
      <c r="H4" s="65" t="s">
        <v>60</v>
      </c>
      <c r="I4" s="64" t="s">
        <v>59</v>
      </c>
      <c r="J4" s="64" t="s">
        <v>58</v>
      </c>
      <c r="K4" s="64" t="s">
        <v>57</v>
      </c>
    </row>
    <row r="5" spans="1:11" s="3" customFormat="1" ht="19.5" customHeight="1" x14ac:dyDescent="0.15">
      <c r="A5" s="63" t="s">
        <v>56</v>
      </c>
      <c r="B5" s="1676" t="s">
        <v>55</v>
      </c>
      <c r="C5" s="1677"/>
      <c r="D5" s="1677"/>
      <c r="E5" s="1677"/>
      <c r="F5" s="1684" t="s">
        <v>54</v>
      </c>
      <c r="G5" s="1674" t="s">
        <v>53</v>
      </c>
      <c r="H5" s="62" t="s">
        <v>52</v>
      </c>
      <c r="I5" s="60" t="s">
        <v>51</v>
      </c>
      <c r="J5" s="61" t="s">
        <v>50</v>
      </c>
      <c r="K5" s="60" t="s">
        <v>49</v>
      </c>
    </row>
    <row r="6" spans="1:11" s="3" customFormat="1" ht="19.5" customHeight="1" x14ac:dyDescent="0.15">
      <c r="A6" s="63"/>
      <c r="B6" s="1678" t="s">
        <v>48</v>
      </c>
      <c r="C6" s="1680" t="s">
        <v>47</v>
      </c>
      <c r="D6" s="1682" t="s">
        <v>46</v>
      </c>
      <c r="E6" s="1682" t="s">
        <v>45</v>
      </c>
      <c r="F6" s="1685"/>
      <c r="G6" s="1675"/>
      <c r="H6" s="62" t="s">
        <v>44</v>
      </c>
      <c r="I6" s="60" t="s">
        <v>43</v>
      </c>
      <c r="J6" s="61"/>
      <c r="K6" s="60" t="s">
        <v>42</v>
      </c>
    </row>
    <row r="7" spans="1:11" s="3" customFormat="1" ht="19.5" customHeight="1" thickBot="1" x14ac:dyDescent="0.2">
      <c r="A7" s="59"/>
      <c r="B7" s="1679"/>
      <c r="C7" s="1681"/>
      <c r="D7" s="1683"/>
      <c r="E7" s="1683"/>
      <c r="F7" s="58" t="s">
        <v>41</v>
      </c>
      <c r="G7" s="57" t="s">
        <v>40</v>
      </c>
      <c r="H7" s="56" t="s">
        <v>39</v>
      </c>
      <c r="I7" s="54"/>
      <c r="J7" s="55" t="s">
        <v>38</v>
      </c>
      <c r="K7" s="54"/>
    </row>
    <row r="8" spans="1:11" ht="19.5" customHeight="1" x14ac:dyDescent="0.15">
      <c r="A8" s="33" t="s">
        <v>37</v>
      </c>
      <c r="B8" s="1672">
        <v>507240</v>
      </c>
      <c r="C8" s="1673"/>
      <c r="D8" s="53">
        <v>123605</v>
      </c>
      <c r="E8" s="53">
        <v>234967</v>
      </c>
      <c r="F8" s="53">
        <v>865812</v>
      </c>
      <c r="G8" s="51">
        <v>46454</v>
      </c>
      <c r="H8" s="52">
        <v>912266</v>
      </c>
      <c r="I8" s="51">
        <v>122490</v>
      </c>
      <c r="J8" s="51">
        <v>1034756</v>
      </c>
      <c r="K8" s="51">
        <v>0</v>
      </c>
    </row>
    <row r="9" spans="1:11" ht="19.5" customHeight="1" x14ac:dyDescent="0.15">
      <c r="A9" s="28" t="s">
        <v>36</v>
      </c>
      <c r="B9" s="1650">
        <v>191127</v>
      </c>
      <c r="C9" s="1651"/>
      <c r="D9" s="27">
        <v>83084</v>
      </c>
      <c r="E9" s="27">
        <v>83997</v>
      </c>
      <c r="F9" s="26">
        <v>358208</v>
      </c>
      <c r="G9" s="24">
        <v>6194</v>
      </c>
      <c r="H9" s="25">
        <v>364402</v>
      </c>
      <c r="I9" s="24">
        <v>30781</v>
      </c>
      <c r="J9" s="24">
        <v>395183</v>
      </c>
      <c r="K9" s="24">
        <v>0</v>
      </c>
    </row>
    <row r="10" spans="1:11" ht="19.5" customHeight="1" x14ac:dyDescent="0.15">
      <c r="A10" s="28" t="s">
        <v>35</v>
      </c>
      <c r="B10" s="1650">
        <v>49487</v>
      </c>
      <c r="C10" s="1651"/>
      <c r="D10" s="27">
        <v>93588</v>
      </c>
      <c r="E10" s="27">
        <v>45704</v>
      </c>
      <c r="F10" s="26">
        <v>188779</v>
      </c>
      <c r="G10" s="24">
        <v>9363</v>
      </c>
      <c r="H10" s="25">
        <v>198142</v>
      </c>
      <c r="I10" s="24">
        <v>2645</v>
      </c>
      <c r="J10" s="24">
        <v>200787</v>
      </c>
      <c r="K10" s="24">
        <v>0</v>
      </c>
    </row>
    <row r="11" spans="1:11" ht="19.5" customHeight="1" x14ac:dyDescent="0.15">
      <c r="A11" s="28" t="s">
        <v>34</v>
      </c>
      <c r="B11" s="1666">
        <v>25769</v>
      </c>
      <c r="C11" s="1667"/>
      <c r="D11" s="27">
        <v>44010</v>
      </c>
      <c r="E11" s="27">
        <v>18341</v>
      </c>
      <c r="F11" s="26">
        <v>88120</v>
      </c>
      <c r="G11" s="24">
        <v>6606</v>
      </c>
      <c r="H11" s="25">
        <v>94726</v>
      </c>
      <c r="I11" s="24">
        <v>14500</v>
      </c>
      <c r="J11" s="24">
        <v>109226</v>
      </c>
      <c r="K11" s="24">
        <v>0</v>
      </c>
    </row>
    <row r="12" spans="1:11" ht="19.5" customHeight="1" thickBot="1" x14ac:dyDescent="0.2">
      <c r="A12" s="23" t="s">
        <v>33</v>
      </c>
      <c r="B12" s="1654">
        <v>25988</v>
      </c>
      <c r="C12" s="1655"/>
      <c r="D12" s="37">
        <v>27344</v>
      </c>
      <c r="E12" s="37">
        <v>14391</v>
      </c>
      <c r="F12" s="36">
        <v>67723</v>
      </c>
      <c r="G12" s="34">
        <v>4460</v>
      </c>
      <c r="H12" s="35">
        <v>72183</v>
      </c>
      <c r="I12" s="34">
        <v>0</v>
      </c>
      <c r="J12" s="34">
        <v>72183</v>
      </c>
      <c r="K12" s="34">
        <v>0</v>
      </c>
    </row>
    <row r="13" spans="1:11" ht="19.5" customHeight="1" x14ac:dyDescent="0.15">
      <c r="A13" s="33" t="s">
        <v>32</v>
      </c>
      <c r="B13" s="1656">
        <v>309</v>
      </c>
      <c r="C13" s="1657"/>
      <c r="D13" s="50">
        <v>37813</v>
      </c>
      <c r="E13" s="49">
        <v>8020</v>
      </c>
      <c r="F13" s="31">
        <v>46142</v>
      </c>
      <c r="G13" s="29">
        <v>7138</v>
      </c>
      <c r="H13" s="30">
        <v>53280</v>
      </c>
      <c r="I13" s="29">
        <v>0</v>
      </c>
      <c r="J13" s="29">
        <v>53280</v>
      </c>
      <c r="K13" s="29">
        <v>0</v>
      </c>
    </row>
    <row r="14" spans="1:11" ht="19.5" customHeight="1" x14ac:dyDescent="0.15">
      <c r="A14" s="28" t="s">
        <v>31</v>
      </c>
      <c r="B14" s="1650">
        <v>28661</v>
      </c>
      <c r="C14" s="1651"/>
      <c r="D14" s="27">
        <v>43790</v>
      </c>
      <c r="E14" s="27">
        <v>24306</v>
      </c>
      <c r="F14" s="26">
        <v>96757</v>
      </c>
      <c r="G14" s="24">
        <v>5785</v>
      </c>
      <c r="H14" s="25">
        <v>102542</v>
      </c>
      <c r="I14" s="24">
        <v>18400</v>
      </c>
      <c r="J14" s="24">
        <v>120942</v>
      </c>
      <c r="K14" s="24">
        <v>0</v>
      </c>
    </row>
    <row r="15" spans="1:11" ht="19.5" customHeight="1" x14ac:dyDescent="0.15">
      <c r="A15" s="28" t="s">
        <v>30</v>
      </c>
      <c r="B15" s="1666">
        <v>17441</v>
      </c>
      <c r="C15" s="1667"/>
      <c r="D15" s="27">
        <v>27785</v>
      </c>
      <c r="E15" s="27">
        <v>12266</v>
      </c>
      <c r="F15" s="26">
        <v>57492</v>
      </c>
      <c r="G15" s="24">
        <v>3439</v>
      </c>
      <c r="H15" s="25">
        <v>60931</v>
      </c>
      <c r="I15" s="24">
        <v>0</v>
      </c>
      <c r="J15" s="24">
        <v>60931</v>
      </c>
      <c r="K15" s="24">
        <v>0</v>
      </c>
    </row>
    <row r="16" spans="1:11" ht="19.5" customHeight="1" x14ac:dyDescent="0.15">
      <c r="A16" s="28" t="s">
        <v>29</v>
      </c>
      <c r="B16" s="1662">
        <v>33153</v>
      </c>
      <c r="C16" s="1663"/>
      <c r="D16" s="41">
        <v>14873</v>
      </c>
      <c r="E16" s="41">
        <v>9891</v>
      </c>
      <c r="F16" s="40">
        <v>57917</v>
      </c>
      <c r="G16" s="38">
        <v>4864</v>
      </c>
      <c r="H16" s="39">
        <v>62781</v>
      </c>
      <c r="I16" s="38">
        <v>0</v>
      </c>
      <c r="J16" s="38">
        <v>62781</v>
      </c>
      <c r="K16" s="38">
        <v>0</v>
      </c>
    </row>
    <row r="17" spans="1:11" ht="19.5" customHeight="1" thickBot="1" x14ac:dyDescent="0.2">
      <c r="A17" s="48" t="s">
        <v>28</v>
      </c>
      <c r="B17" s="1652">
        <v>4408</v>
      </c>
      <c r="C17" s="1653"/>
      <c r="D17" s="22">
        <v>5632</v>
      </c>
      <c r="E17" s="22">
        <v>1802</v>
      </c>
      <c r="F17" s="21">
        <v>11842</v>
      </c>
      <c r="G17" s="19">
        <v>2084</v>
      </c>
      <c r="H17" s="20">
        <v>13926</v>
      </c>
      <c r="I17" s="19">
        <v>2626</v>
      </c>
      <c r="J17" s="19">
        <v>16552</v>
      </c>
      <c r="K17" s="19">
        <v>0</v>
      </c>
    </row>
    <row r="18" spans="1:11" ht="19.5" customHeight="1" x14ac:dyDescent="0.15">
      <c r="A18" s="33" t="s">
        <v>27</v>
      </c>
      <c r="B18" s="1660">
        <v>1356</v>
      </c>
      <c r="C18" s="1661"/>
      <c r="D18" s="32">
        <v>7891</v>
      </c>
      <c r="E18" s="32">
        <v>2539</v>
      </c>
      <c r="F18" s="31">
        <v>11786</v>
      </c>
      <c r="G18" s="29">
        <v>2032</v>
      </c>
      <c r="H18" s="30">
        <v>13818</v>
      </c>
      <c r="I18" s="29">
        <v>179</v>
      </c>
      <c r="J18" s="29">
        <v>13997</v>
      </c>
      <c r="K18" s="29">
        <v>0</v>
      </c>
    </row>
    <row r="19" spans="1:11" ht="19.5" customHeight="1" x14ac:dyDescent="0.15">
      <c r="A19" s="28" t="s">
        <v>26</v>
      </c>
      <c r="B19" s="1664">
        <v>4885</v>
      </c>
      <c r="C19" s="1665"/>
      <c r="D19" s="41">
        <v>30498</v>
      </c>
      <c r="E19" s="41">
        <v>7762</v>
      </c>
      <c r="F19" s="40">
        <v>43145</v>
      </c>
      <c r="G19" s="38">
        <v>494</v>
      </c>
      <c r="H19" s="39">
        <v>43639</v>
      </c>
      <c r="I19" s="38">
        <v>160</v>
      </c>
      <c r="J19" s="38">
        <v>43799</v>
      </c>
      <c r="K19" s="38">
        <v>0</v>
      </c>
    </row>
    <row r="20" spans="1:11" ht="19.5" customHeight="1" x14ac:dyDescent="0.15">
      <c r="A20" s="28" t="s">
        <v>25</v>
      </c>
      <c r="B20" s="1650">
        <v>27235</v>
      </c>
      <c r="C20" s="1651"/>
      <c r="D20" s="27">
        <v>20248</v>
      </c>
      <c r="E20" s="27">
        <v>14479</v>
      </c>
      <c r="F20" s="26">
        <v>61962</v>
      </c>
      <c r="G20" s="24">
        <v>1290</v>
      </c>
      <c r="H20" s="25">
        <v>63252</v>
      </c>
      <c r="I20" s="24">
        <v>0</v>
      </c>
      <c r="J20" s="24">
        <v>63252</v>
      </c>
      <c r="K20" s="24">
        <v>0</v>
      </c>
    </row>
    <row r="21" spans="1:11" ht="19.5" customHeight="1" x14ac:dyDescent="0.15">
      <c r="A21" s="28" t="s">
        <v>24</v>
      </c>
      <c r="B21" s="1650">
        <v>13483</v>
      </c>
      <c r="C21" s="1651"/>
      <c r="D21" s="27">
        <v>32394</v>
      </c>
      <c r="E21" s="27">
        <v>12552</v>
      </c>
      <c r="F21" s="26">
        <v>58429</v>
      </c>
      <c r="G21" s="24">
        <v>4627</v>
      </c>
      <c r="H21" s="25">
        <v>63056</v>
      </c>
      <c r="I21" s="24">
        <v>0</v>
      </c>
      <c r="J21" s="24">
        <v>63056</v>
      </c>
      <c r="K21" s="24">
        <v>0</v>
      </c>
    </row>
    <row r="22" spans="1:11" ht="19.5" customHeight="1" thickBot="1" x14ac:dyDescent="0.2">
      <c r="A22" s="23" t="s">
        <v>23</v>
      </c>
      <c r="B22" s="1658">
        <v>4433</v>
      </c>
      <c r="C22" s="1659"/>
      <c r="D22" s="37">
        <v>15452</v>
      </c>
      <c r="E22" s="37">
        <v>4880</v>
      </c>
      <c r="F22" s="36">
        <v>24765</v>
      </c>
      <c r="G22" s="34">
        <v>493</v>
      </c>
      <c r="H22" s="35">
        <v>25258</v>
      </c>
      <c r="I22" s="34">
        <v>2282</v>
      </c>
      <c r="J22" s="34">
        <v>27540</v>
      </c>
      <c r="K22" s="34">
        <v>0</v>
      </c>
    </row>
    <row r="23" spans="1:11" ht="19.5" customHeight="1" x14ac:dyDescent="0.15">
      <c r="A23" s="33" t="s">
        <v>22</v>
      </c>
      <c r="B23" s="1660">
        <v>9827</v>
      </c>
      <c r="C23" s="1661"/>
      <c r="D23" s="32">
        <v>16867</v>
      </c>
      <c r="E23" s="32">
        <v>7538</v>
      </c>
      <c r="F23" s="31">
        <v>34232</v>
      </c>
      <c r="G23" s="29">
        <v>9</v>
      </c>
      <c r="H23" s="30">
        <v>34241</v>
      </c>
      <c r="I23" s="29">
        <v>0</v>
      </c>
      <c r="J23" s="29">
        <v>34241</v>
      </c>
      <c r="K23" s="29">
        <v>0</v>
      </c>
    </row>
    <row r="24" spans="1:11" ht="19.5" customHeight="1" x14ac:dyDescent="0.15">
      <c r="A24" s="28" t="s">
        <v>21</v>
      </c>
      <c r="B24" s="1650">
        <v>20259</v>
      </c>
      <c r="C24" s="1651"/>
      <c r="D24" s="27">
        <v>5536</v>
      </c>
      <c r="E24" s="27">
        <v>5348</v>
      </c>
      <c r="F24" s="26">
        <v>31143</v>
      </c>
      <c r="G24" s="24">
        <v>0</v>
      </c>
      <c r="H24" s="25">
        <v>31143</v>
      </c>
      <c r="I24" s="24">
        <v>204</v>
      </c>
      <c r="J24" s="24">
        <v>31347</v>
      </c>
      <c r="K24" s="24">
        <v>0</v>
      </c>
    </row>
    <row r="25" spans="1:11" ht="19.5" customHeight="1" x14ac:dyDescent="0.15">
      <c r="A25" s="28" t="s">
        <v>20</v>
      </c>
      <c r="B25" s="1650">
        <v>0</v>
      </c>
      <c r="C25" s="1651"/>
      <c r="D25" s="27">
        <v>9643</v>
      </c>
      <c r="E25" s="27">
        <v>1497</v>
      </c>
      <c r="F25" s="26">
        <v>11140</v>
      </c>
      <c r="G25" s="24">
        <v>485</v>
      </c>
      <c r="H25" s="25">
        <v>11625</v>
      </c>
      <c r="I25" s="24">
        <v>0</v>
      </c>
      <c r="J25" s="24">
        <v>11625</v>
      </c>
      <c r="K25" s="24">
        <v>0</v>
      </c>
    </row>
    <row r="26" spans="1:11" ht="19.5" customHeight="1" thickBot="1" x14ac:dyDescent="0.2">
      <c r="A26" s="47" t="s">
        <v>19</v>
      </c>
      <c r="B26" s="1654">
        <v>8264</v>
      </c>
      <c r="C26" s="1655"/>
      <c r="D26" s="46">
        <v>9432</v>
      </c>
      <c r="E26" s="46">
        <v>3833</v>
      </c>
      <c r="F26" s="45">
        <v>21529</v>
      </c>
      <c r="G26" s="43">
        <v>0</v>
      </c>
      <c r="H26" s="44">
        <v>21529</v>
      </c>
      <c r="I26" s="43">
        <v>0</v>
      </c>
      <c r="J26" s="43">
        <v>21529</v>
      </c>
      <c r="K26" s="43">
        <v>0</v>
      </c>
    </row>
    <row r="27" spans="1:11" ht="19.5" customHeight="1" thickBot="1" x14ac:dyDescent="0.2">
      <c r="A27" s="42" t="s">
        <v>18</v>
      </c>
      <c r="B27" s="1668">
        <v>973325</v>
      </c>
      <c r="C27" s="1669"/>
      <c r="D27" s="17">
        <v>649485</v>
      </c>
      <c r="E27" s="17">
        <v>514113</v>
      </c>
      <c r="F27" s="16">
        <v>2136923</v>
      </c>
      <c r="G27" s="14">
        <v>105817</v>
      </c>
      <c r="H27" s="15">
        <v>2242740</v>
      </c>
      <c r="I27" s="14">
        <v>194267</v>
      </c>
      <c r="J27" s="14">
        <v>2437007</v>
      </c>
      <c r="K27" s="14">
        <v>0</v>
      </c>
    </row>
    <row r="28" spans="1:11" ht="19.5" customHeight="1" x14ac:dyDescent="0.15">
      <c r="A28" s="33" t="s">
        <v>17</v>
      </c>
      <c r="B28" s="1660">
        <v>5426</v>
      </c>
      <c r="C28" s="1661"/>
      <c r="D28" s="32">
        <v>185</v>
      </c>
      <c r="E28" s="32">
        <v>1191</v>
      </c>
      <c r="F28" s="31">
        <v>6802</v>
      </c>
      <c r="G28" s="29">
        <v>1052</v>
      </c>
      <c r="H28" s="30">
        <v>7854</v>
      </c>
      <c r="I28" s="29">
        <v>1561</v>
      </c>
      <c r="J28" s="29">
        <v>9415</v>
      </c>
      <c r="K28" s="29">
        <v>0</v>
      </c>
    </row>
    <row r="29" spans="1:11" ht="19.5" customHeight="1" x14ac:dyDescent="0.15">
      <c r="A29" s="28" t="s">
        <v>16</v>
      </c>
      <c r="B29" s="1666">
        <v>0</v>
      </c>
      <c r="C29" s="1667"/>
      <c r="D29" s="27">
        <v>9562</v>
      </c>
      <c r="E29" s="27">
        <v>2337</v>
      </c>
      <c r="F29" s="26">
        <v>11899</v>
      </c>
      <c r="G29" s="24">
        <v>845</v>
      </c>
      <c r="H29" s="25">
        <v>12744</v>
      </c>
      <c r="I29" s="24">
        <v>0</v>
      </c>
      <c r="J29" s="24">
        <v>12744</v>
      </c>
      <c r="K29" s="24">
        <v>0</v>
      </c>
    </row>
    <row r="30" spans="1:11" ht="19.5" customHeight="1" x14ac:dyDescent="0.15">
      <c r="A30" s="28" t="s">
        <v>15</v>
      </c>
      <c r="B30" s="1664">
        <v>0</v>
      </c>
      <c r="C30" s="1665"/>
      <c r="D30" s="41">
        <v>7406</v>
      </c>
      <c r="E30" s="41">
        <v>1256</v>
      </c>
      <c r="F30" s="40">
        <v>8662</v>
      </c>
      <c r="G30" s="38">
        <v>770</v>
      </c>
      <c r="H30" s="39">
        <v>9432</v>
      </c>
      <c r="I30" s="38">
        <v>157</v>
      </c>
      <c r="J30" s="38">
        <v>9589</v>
      </c>
      <c r="K30" s="38">
        <v>0</v>
      </c>
    </row>
    <row r="31" spans="1:11" ht="19.5" customHeight="1" thickBot="1" x14ac:dyDescent="0.2">
      <c r="A31" s="23" t="s">
        <v>14</v>
      </c>
      <c r="B31" s="1658">
        <v>0</v>
      </c>
      <c r="C31" s="1659"/>
      <c r="D31" s="37">
        <v>6403</v>
      </c>
      <c r="E31" s="37">
        <v>504</v>
      </c>
      <c r="F31" s="36">
        <v>6907</v>
      </c>
      <c r="G31" s="34">
        <v>461</v>
      </c>
      <c r="H31" s="35">
        <v>7368</v>
      </c>
      <c r="I31" s="34">
        <v>0</v>
      </c>
      <c r="J31" s="34">
        <v>7368</v>
      </c>
      <c r="K31" s="34">
        <v>0</v>
      </c>
    </row>
    <row r="32" spans="1:11" ht="19.5" customHeight="1" x14ac:dyDescent="0.15">
      <c r="A32" s="33" t="s">
        <v>13</v>
      </c>
      <c r="B32" s="1660">
        <v>11</v>
      </c>
      <c r="C32" s="1661"/>
      <c r="D32" s="32">
        <v>2052</v>
      </c>
      <c r="E32" s="32">
        <v>580</v>
      </c>
      <c r="F32" s="31">
        <v>2643</v>
      </c>
      <c r="G32" s="29">
        <v>139</v>
      </c>
      <c r="H32" s="30">
        <v>2782</v>
      </c>
      <c r="I32" s="29">
        <v>0</v>
      </c>
      <c r="J32" s="29">
        <v>2782</v>
      </c>
      <c r="K32" s="29">
        <v>0</v>
      </c>
    </row>
    <row r="33" spans="1:11" ht="19.5" customHeight="1" x14ac:dyDescent="0.15">
      <c r="A33" s="28" t="s">
        <v>12</v>
      </c>
      <c r="B33" s="1650">
        <v>0</v>
      </c>
      <c r="C33" s="1651"/>
      <c r="D33" s="27">
        <v>3923</v>
      </c>
      <c r="E33" s="27">
        <v>833</v>
      </c>
      <c r="F33" s="26">
        <v>4756</v>
      </c>
      <c r="G33" s="24">
        <v>85</v>
      </c>
      <c r="H33" s="25">
        <v>4841</v>
      </c>
      <c r="I33" s="24">
        <v>14</v>
      </c>
      <c r="J33" s="24">
        <v>4855</v>
      </c>
      <c r="K33" s="24">
        <v>0</v>
      </c>
    </row>
    <row r="34" spans="1:11" ht="19.5" customHeight="1" x14ac:dyDescent="0.15">
      <c r="A34" s="28" t="s">
        <v>11</v>
      </c>
      <c r="B34" s="1650">
        <v>0</v>
      </c>
      <c r="C34" s="1651"/>
      <c r="D34" s="27">
        <v>2580</v>
      </c>
      <c r="E34" s="27">
        <v>321</v>
      </c>
      <c r="F34" s="26">
        <v>2901</v>
      </c>
      <c r="G34" s="24">
        <v>53</v>
      </c>
      <c r="H34" s="25">
        <v>2954</v>
      </c>
      <c r="I34" s="24">
        <v>19</v>
      </c>
      <c r="J34" s="24">
        <v>2973</v>
      </c>
      <c r="K34" s="24">
        <v>0</v>
      </c>
    </row>
    <row r="35" spans="1:11" ht="19.5" customHeight="1" x14ac:dyDescent="0.15">
      <c r="A35" s="28" t="s">
        <v>10</v>
      </c>
      <c r="B35" s="1650">
        <v>0</v>
      </c>
      <c r="C35" s="1651"/>
      <c r="D35" s="27">
        <v>2360</v>
      </c>
      <c r="E35" s="27">
        <v>671</v>
      </c>
      <c r="F35" s="26">
        <v>3031</v>
      </c>
      <c r="G35" s="24">
        <v>27</v>
      </c>
      <c r="H35" s="25">
        <v>3058</v>
      </c>
      <c r="I35" s="24">
        <v>14</v>
      </c>
      <c r="J35" s="24">
        <v>3072</v>
      </c>
      <c r="K35" s="24">
        <v>0</v>
      </c>
    </row>
    <row r="36" spans="1:11" ht="19.5" customHeight="1" thickBot="1" x14ac:dyDescent="0.2">
      <c r="A36" s="23" t="s">
        <v>9</v>
      </c>
      <c r="B36" s="1654">
        <v>0</v>
      </c>
      <c r="C36" s="1655"/>
      <c r="D36" s="37">
        <v>3964</v>
      </c>
      <c r="E36" s="37">
        <v>853</v>
      </c>
      <c r="F36" s="36">
        <v>4817</v>
      </c>
      <c r="G36" s="34">
        <v>324</v>
      </c>
      <c r="H36" s="35">
        <v>5141</v>
      </c>
      <c r="I36" s="34">
        <v>3</v>
      </c>
      <c r="J36" s="34">
        <v>5144</v>
      </c>
      <c r="K36" s="34">
        <v>0</v>
      </c>
    </row>
    <row r="37" spans="1:11" ht="19.5" customHeight="1" x14ac:dyDescent="0.15">
      <c r="A37" s="33" t="s">
        <v>8</v>
      </c>
      <c r="B37" s="1656">
        <v>0</v>
      </c>
      <c r="C37" s="1657"/>
      <c r="D37" s="32">
        <v>3308</v>
      </c>
      <c r="E37" s="32">
        <v>8566</v>
      </c>
      <c r="F37" s="31">
        <v>11874</v>
      </c>
      <c r="G37" s="29">
        <v>1673</v>
      </c>
      <c r="H37" s="30">
        <v>13547</v>
      </c>
      <c r="I37" s="29">
        <v>0</v>
      </c>
      <c r="J37" s="29">
        <v>13547</v>
      </c>
      <c r="K37" s="29">
        <v>0</v>
      </c>
    </row>
    <row r="38" spans="1:11" ht="19.5" customHeight="1" x14ac:dyDescent="0.15">
      <c r="A38" s="28" t="s">
        <v>7</v>
      </c>
      <c r="B38" s="1650">
        <v>0</v>
      </c>
      <c r="C38" s="1651"/>
      <c r="D38" s="27">
        <v>1949</v>
      </c>
      <c r="E38" s="27">
        <v>47</v>
      </c>
      <c r="F38" s="26">
        <v>1996</v>
      </c>
      <c r="G38" s="24">
        <v>671</v>
      </c>
      <c r="H38" s="25">
        <v>2667</v>
      </c>
      <c r="I38" s="24">
        <v>17</v>
      </c>
      <c r="J38" s="24">
        <v>2684</v>
      </c>
      <c r="K38" s="24">
        <v>0</v>
      </c>
    </row>
    <row r="39" spans="1:11" ht="19.5" customHeight="1" x14ac:dyDescent="0.15">
      <c r="A39" s="28" t="s">
        <v>6</v>
      </c>
      <c r="B39" s="1650">
        <v>231</v>
      </c>
      <c r="C39" s="1651"/>
      <c r="D39" s="27">
        <v>6727</v>
      </c>
      <c r="E39" s="27">
        <v>1696</v>
      </c>
      <c r="F39" s="26">
        <v>8654</v>
      </c>
      <c r="G39" s="24">
        <v>3038</v>
      </c>
      <c r="H39" s="25">
        <v>11692</v>
      </c>
      <c r="I39" s="24">
        <v>19</v>
      </c>
      <c r="J39" s="24">
        <v>11711</v>
      </c>
      <c r="K39" s="24">
        <v>0</v>
      </c>
    </row>
    <row r="40" spans="1:11" ht="19.5" customHeight="1" x14ac:dyDescent="0.15">
      <c r="A40" s="28" t="s">
        <v>5</v>
      </c>
      <c r="B40" s="1650">
        <v>3293</v>
      </c>
      <c r="C40" s="1651"/>
      <c r="D40" s="27">
        <v>5252</v>
      </c>
      <c r="E40" s="27">
        <v>1421</v>
      </c>
      <c r="F40" s="26">
        <v>9966</v>
      </c>
      <c r="G40" s="24">
        <v>1382</v>
      </c>
      <c r="H40" s="25">
        <v>11348</v>
      </c>
      <c r="I40" s="24">
        <v>329</v>
      </c>
      <c r="J40" s="24">
        <v>11677</v>
      </c>
      <c r="K40" s="24">
        <v>0</v>
      </c>
    </row>
    <row r="41" spans="1:11" ht="19.5" customHeight="1" thickBot="1" x14ac:dyDescent="0.2">
      <c r="A41" s="23" t="s">
        <v>4</v>
      </c>
      <c r="B41" s="1652">
        <v>772</v>
      </c>
      <c r="C41" s="1653"/>
      <c r="D41" s="22">
        <v>49</v>
      </c>
      <c r="E41" s="22">
        <v>73</v>
      </c>
      <c r="F41" s="21">
        <v>894</v>
      </c>
      <c r="G41" s="19">
        <v>4</v>
      </c>
      <c r="H41" s="20">
        <v>898</v>
      </c>
      <c r="I41" s="19">
        <v>0</v>
      </c>
      <c r="J41" s="19">
        <v>898</v>
      </c>
      <c r="K41" s="19">
        <v>0</v>
      </c>
    </row>
    <row r="42" spans="1:11" ht="19.5" customHeight="1" thickBot="1" x14ac:dyDescent="0.2">
      <c r="A42" s="18" t="s">
        <v>3</v>
      </c>
      <c r="B42" s="1668">
        <v>9733</v>
      </c>
      <c r="C42" s="1669"/>
      <c r="D42" s="17">
        <v>55720</v>
      </c>
      <c r="E42" s="17">
        <v>20349</v>
      </c>
      <c r="F42" s="16">
        <v>85802</v>
      </c>
      <c r="G42" s="14">
        <v>10524</v>
      </c>
      <c r="H42" s="15">
        <v>96326</v>
      </c>
      <c r="I42" s="14">
        <v>2133</v>
      </c>
      <c r="J42" s="14">
        <v>98459</v>
      </c>
      <c r="K42" s="14">
        <v>0</v>
      </c>
    </row>
    <row r="43" spans="1:11" ht="19.5" customHeight="1" thickBot="1" x14ac:dyDescent="0.2">
      <c r="A43" s="13" t="s">
        <v>2</v>
      </c>
      <c r="B43" s="1670">
        <v>983058</v>
      </c>
      <c r="C43" s="1671"/>
      <c r="D43" s="12">
        <v>705205</v>
      </c>
      <c r="E43" s="12">
        <v>534462</v>
      </c>
      <c r="F43" s="11">
        <v>2222725</v>
      </c>
      <c r="G43" s="9">
        <v>116341</v>
      </c>
      <c r="H43" s="10">
        <v>2339066</v>
      </c>
      <c r="I43" s="9">
        <v>196400</v>
      </c>
      <c r="J43" s="9">
        <v>2535466</v>
      </c>
      <c r="K43" s="9">
        <v>0</v>
      </c>
    </row>
    <row r="44" spans="1:11" s="6" customFormat="1" ht="15.75" customHeight="1" x14ac:dyDescent="0.15">
      <c r="A44" s="6" t="s">
        <v>267</v>
      </c>
      <c r="B44" s="7"/>
      <c r="C44" s="7"/>
      <c r="D44" s="7"/>
      <c r="E44" s="7"/>
      <c r="F44" s="8"/>
      <c r="G44" s="7"/>
      <c r="H44" s="8"/>
      <c r="I44" s="7"/>
      <c r="J44" s="8"/>
      <c r="K44" s="7"/>
    </row>
    <row r="45" spans="1:11" s="6" customFormat="1" ht="15.75" customHeight="1" x14ac:dyDescent="0.15">
      <c r="A45" s="6" t="s">
        <v>268</v>
      </c>
      <c r="B45" s="7"/>
      <c r="C45" s="7"/>
      <c r="D45" s="7"/>
      <c r="E45" s="7"/>
      <c r="F45" s="8"/>
      <c r="G45" s="7"/>
      <c r="H45" s="8"/>
      <c r="I45" s="7"/>
      <c r="J45" s="8"/>
      <c r="K45" s="7"/>
    </row>
    <row r="46" spans="1:11" s="6" customFormat="1" ht="15.75" customHeight="1" x14ac:dyDescent="0.15">
      <c r="A46" s="6" t="s">
        <v>269</v>
      </c>
      <c r="B46" s="7"/>
      <c r="C46" s="7"/>
      <c r="D46" s="7"/>
      <c r="E46" s="7"/>
      <c r="F46" s="8"/>
      <c r="G46" s="7"/>
      <c r="H46" s="8"/>
      <c r="I46" s="7"/>
      <c r="J46" s="8"/>
      <c r="K46" s="7"/>
    </row>
    <row r="47" spans="1:11" s="6" customFormat="1" ht="15.75" customHeight="1" x14ac:dyDescent="0.15">
      <c r="B47" s="7"/>
      <c r="C47" s="7"/>
      <c r="D47" s="7"/>
      <c r="E47" s="7"/>
      <c r="F47" s="8"/>
      <c r="G47" s="7"/>
      <c r="H47" s="8"/>
      <c r="I47" s="7"/>
      <c r="J47" s="8"/>
      <c r="K47" s="7"/>
    </row>
    <row r="48" spans="1:11" s="6" customFormat="1" ht="15.75" customHeight="1" x14ac:dyDescent="0.15">
      <c r="B48" s="7"/>
      <c r="C48" s="7"/>
      <c r="D48" s="7"/>
      <c r="E48" s="7"/>
      <c r="F48" s="8"/>
      <c r="G48" s="7"/>
      <c r="H48" s="8"/>
      <c r="I48" s="7"/>
      <c r="J48" s="8"/>
      <c r="K48" s="7"/>
    </row>
    <row r="49" s="1" customFormat="1" ht="16.5" customHeight="1" x14ac:dyDescent="0.15"/>
    <row r="71" spans="1:10" ht="16.5" customHeight="1" x14ac:dyDescent="0.15">
      <c r="A71" s="5"/>
      <c r="B71" s="5"/>
      <c r="C71" s="1"/>
      <c r="F71" s="1"/>
      <c r="H71" s="1"/>
      <c r="J71" s="1"/>
    </row>
  </sheetData>
  <mergeCells count="43">
    <mergeCell ref="G5:G6"/>
    <mergeCell ref="B5:E5"/>
    <mergeCell ref="B6:B7"/>
    <mergeCell ref="C6:C7"/>
    <mergeCell ref="D6:D7"/>
    <mergeCell ref="E6:E7"/>
    <mergeCell ref="F5:F6"/>
    <mergeCell ref="B43:C43"/>
    <mergeCell ref="B8:C8"/>
    <mergeCell ref="B9:C9"/>
    <mergeCell ref="B17:C17"/>
    <mergeCell ref="B10:C10"/>
    <mergeCell ref="B11:C11"/>
    <mergeCell ref="B25:C25"/>
    <mergeCell ref="B26:C26"/>
    <mergeCell ref="B21:C21"/>
    <mergeCell ref="B22:C22"/>
    <mergeCell ref="B23:C23"/>
    <mergeCell ref="B24:C24"/>
    <mergeCell ref="B29:C29"/>
    <mergeCell ref="B30:C30"/>
    <mergeCell ref="B28:C28"/>
    <mergeCell ref="B27:C27"/>
    <mergeCell ref="B42:C42"/>
    <mergeCell ref="B37:C37"/>
    <mergeCell ref="B38:C38"/>
    <mergeCell ref="B39:C39"/>
    <mergeCell ref="B40:C40"/>
    <mergeCell ref="B12:C12"/>
    <mergeCell ref="B13:C13"/>
    <mergeCell ref="B14:C14"/>
    <mergeCell ref="B31:C31"/>
    <mergeCell ref="B32:C32"/>
    <mergeCell ref="B16:C16"/>
    <mergeCell ref="B18:C18"/>
    <mergeCell ref="B19:C19"/>
    <mergeCell ref="B20:C20"/>
    <mergeCell ref="B15:C15"/>
    <mergeCell ref="B33:C33"/>
    <mergeCell ref="B34:C34"/>
    <mergeCell ref="B41:C41"/>
    <mergeCell ref="B35:C35"/>
    <mergeCell ref="B36:C36"/>
  </mergeCells>
  <phoneticPr fontId="3"/>
  <conditionalFormatting sqref="B8:K43">
    <cfRule type="cellIs" dxfId="29" priority="49" operator="equal">
      <formula>0</formula>
    </cfRule>
  </conditionalFormatting>
  <printOptions horizontalCentered="1"/>
  <pageMargins left="0.59055118110236227" right="0.59055118110236227" top="0.78740157480314965" bottom="0.78740157480314965" header="0.51181102362204722" footer="0.39370078740157483"/>
  <pageSetup paperSize="9" scale="90" fitToWidth="2"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3"/>
  <dimension ref="A1:H66"/>
  <sheetViews>
    <sheetView zoomScaleNormal="100" zoomScaleSheetLayoutView="100" workbookViewId="0">
      <pane xSplit="1" ySplit="7" topLeftCell="B8" activePane="bottomRight" state="frozen"/>
      <selection activeCell="Q32" sqref="Q32"/>
      <selection pane="topRight" activeCell="Q32" sqref="Q32"/>
      <selection pane="bottomLeft" activeCell="Q32" sqref="Q32"/>
      <selection pane="bottomRight" activeCell="M24" sqref="M24"/>
    </sheetView>
  </sheetViews>
  <sheetFormatPr defaultColWidth="9" defaultRowHeight="16.5" customHeight="1" x14ac:dyDescent="0.15"/>
  <cols>
    <col min="1" max="1" width="10.875" style="81" customWidth="1"/>
    <col min="2" max="2" width="10.625" style="80" customWidth="1"/>
    <col min="3" max="8" width="10.625" style="79" customWidth="1"/>
    <col min="9" max="9" width="9" style="79"/>
    <col min="10" max="10" width="5.875" style="79" customWidth="1"/>
    <col min="11" max="16384" width="9" style="79"/>
  </cols>
  <sheetData>
    <row r="1" spans="1:8" s="162" customFormat="1" ht="16.5" customHeight="1" x14ac:dyDescent="0.15">
      <c r="A1" s="163"/>
    </row>
    <row r="2" spans="1:8" s="162" customFormat="1" ht="9" customHeight="1" x14ac:dyDescent="0.15">
      <c r="A2" s="163"/>
    </row>
    <row r="3" spans="1:8" s="158" customFormat="1" ht="16.5" customHeight="1" thickBot="1" x14ac:dyDescent="0.2">
      <c r="A3" s="161" t="s">
        <v>82</v>
      </c>
      <c r="B3" s="160"/>
      <c r="C3" s="160"/>
      <c r="D3" s="160"/>
      <c r="H3" s="159" t="s">
        <v>81</v>
      </c>
    </row>
    <row r="4" spans="1:8" s="145" customFormat="1" ht="13.5" customHeight="1" thickBot="1" x14ac:dyDescent="0.2">
      <c r="A4" s="157"/>
      <c r="B4" s="156"/>
      <c r="C4" s="154"/>
      <c r="D4" s="155"/>
      <c r="E4" s="153"/>
      <c r="F4" s="154"/>
      <c r="G4" s="153"/>
      <c r="H4" s="152" t="s">
        <v>80</v>
      </c>
    </row>
    <row r="5" spans="1:8" s="145" customFormat="1" ht="13.5" customHeight="1" x14ac:dyDescent="0.15">
      <c r="A5" s="1689" t="s">
        <v>56</v>
      </c>
      <c r="B5" s="151" t="s">
        <v>79</v>
      </c>
      <c r="C5" s="150" t="s">
        <v>78</v>
      </c>
      <c r="D5" s="149" t="s">
        <v>77</v>
      </c>
      <c r="E5" s="148" t="s">
        <v>76</v>
      </c>
      <c r="F5" s="147" t="s">
        <v>75</v>
      </c>
      <c r="G5" s="146" t="s">
        <v>74</v>
      </c>
      <c r="H5" s="1688" t="s">
        <v>73</v>
      </c>
    </row>
    <row r="6" spans="1:8" s="145" customFormat="1" ht="13.5" customHeight="1" x14ac:dyDescent="0.15">
      <c r="A6" s="1689"/>
      <c r="B6" s="1690" t="s">
        <v>72</v>
      </c>
      <c r="C6" s="1692" t="s">
        <v>71</v>
      </c>
      <c r="D6" s="1694" t="s">
        <v>70</v>
      </c>
      <c r="E6" s="1696" t="s">
        <v>69</v>
      </c>
      <c r="F6" s="1698" t="s">
        <v>68</v>
      </c>
      <c r="G6" s="1686" t="s">
        <v>67</v>
      </c>
      <c r="H6" s="1688"/>
    </row>
    <row r="7" spans="1:8" s="141" customFormat="1" ht="13.5" customHeight="1" thickBot="1" x14ac:dyDescent="0.2">
      <c r="A7" s="144"/>
      <c r="B7" s="1691"/>
      <c r="C7" s="1693"/>
      <c r="D7" s="1695"/>
      <c r="E7" s="1697"/>
      <c r="F7" s="1699"/>
      <c r="G7" s="1687"/>
      <c r="H7" s="143" t="s">
        <v>66</v>
      </c>
    </row>
    <row r="8" spans="1:8" ht="19.5" customHeight="1" x14ac:dyDescent="0.15">
      <c r="A8" s="113" t="s">
        <v>37</v>
      </c>
      <c r="B8" s="112">
        <v>0</v>
      </c>
      <c r="C8" s="140">
        <v>735692</v>
      </c>
      <c r="D8" s="140">
        <v>352</v>
      </c>
      <c r="E8" s="140">
        <v>114069</v>
      </c>
      <c r="F8" s="139">
        <v>15699</v>
      </c>
      <c r="G8" s="138">
        <v>0</v>
      </c>
      <c r="H8" s="137">
        <v>865812</v>
      </c>
    </row>
    <row r="9" spans="1:8" ht="19.5" customHeight="1" x14ac:dyDescent="0.15">
      <c r="A9" s="107" t="s">
        <v>36</v>
      </c>
      <c r="B9" s="106">
        <v>298253</v>
      </c>
      <c r="C9" s="105">
        <v>0</v>
      </c>
      <c r="D9" s="105">
        <v>0</v>
      </c>
      <c r="E9" s="105">
        <v>48448</v>
      </c>
      <c r="F9" s="110">
        <v>11507</v>
      </c>
      <c r="G9" s="103">
        <v>0</v>
      </c>
      <c r="H9" s="102">
        <v>358208</v>
      </c>
    </row>
    <row r="10" spans="1:8" ht="19.5" customHeight="1" x14ac:dyDescent="0.15">
      <c r="A10" s="107" t="s">
        <v>35</v>
      </c>
      <c r="B10" s="106">
        <v>108578</v>
      </c>
      <c r="C10" s="105">
        <v>45704</v>
      </c>
      <c r="D10" s="105">
        <v>0</v>
      </c>
      <c r="E10" s="105">
        <v>32980</v>
      </c>
      <c r="F10" s="104">
        <v>1379</v>
      </c>
      <c r="G10" s="103">
        <v>138</v>
      </c>
      <c r="H10" s="102">
        <v>188779</v>
      </c>
    </row>
    <row r="11" spans="1:8" ht="19.5" customHeight="1" x14ac:dyDescent="0.15">
      <c r="A11" s="107" t="s">
        <v>34</v>
      </c>
      <c r="B11" s="106">
        <v>0</v>
      </c>
      <c r="C11" s="105">
        <v>73731</v>
      </c>
      <c r="D11" s="105">
        <v>1203</v>
      </c>
      <c r="E11" s="105">
        <v>12389</v>
      </c>
      <c r="F11" s="104">
        <v>797</v>
      </c>
      <c r="G11" s="103">
        <v>0</v>
      </c>
      <c r="H11" s="102">
        <v>88120</v>
      </c>
    </row>
    <row r="12" spans="1:8" ht="19.5" customHeight="1" thickBot="1" x14ac:dyDescent="0.2">
      <c r="A12" s="101" t="s">
        <v>33</v>
      </c>
      <c r="B12" s="118">
        <v>0</v>
      </c>
      <c r="C12" s="117">
        <v>51044</v>
      </c>
      <c r="D12" s="117">
        <v>2108</v>
      </c>
      <c r="E12" s="117">
        <v>14286</v>
      </c>
      <c r="F12" s="116">
        <v>273</v>
      </c>
      <c r="G12" s="115">
        <v>12</v>
      </c>
      <c r="H12" s="114">
        <v>67723</v>
      </c>
    </row>
    <row r="13" spans="1:8" ht="19.5" customHeight="1" x14ac:dyDescent="0.15">
      <c r="A13" s="113" t="s">
        <v>32</v>
      </c>
      <c r="B13" s="112">
        <v>0</v>
      </c>
      <c r="C13" s="111">
        <v>19944</v>
      </c>
      <c r="D13" s="111">
        <v>1051</v>
      </c>
      <c r="E13" s="111">
        <v>24355</v>
      </c>
      <c r="F13" s="110">
        <v>745</v>
      </c>
      <c r="G13" s="109">
        <v>47</v>
      </c>
      <c r="H13" s="108">
        <v>46142</v>
      </c>
    </row>
    <row r="14" spans="1:8" ht="19.5" customHeight="1" x14ac:dyDescent="0.15">
      <c r="A14" s="107" t="s">
        <v>31</v>
      </c>
      <c r="B14" s="106">
        <v>0</v>
      </c>
      <c r="C14" s="105">
        <v>78155</v>
      </c>
      <c r="D14" s="105">
        <v>6693</v>
      </c>
      <c r="E14" s="105">
        <v>9027</v>
      </c>
      <c r="F14" s="104">
        <v>2882</v>
      </c>
      <c r="G14" s="103">
        <v>0</v>
      </c>
      <c r="H14" s="102">
        <v>96757</v>
      </c>
    </row>
    <row r="15" spans="1:8" ht="19.5" customHeight="1" x14ac:dyDescent="0.15">
      <c r="A15" s="107" t="s">
        <v>30</v>
      </c>
      <c r="B15" s="106">
        <v>0</v>
      </c>
      <c r="C15" s="105">
        <v>42998</v>
      </c>
      <c r="D15" s="105">
        <v>2096</v>
      </c>
      <c r="E15" s="105">
        <v>11865</v>
      </c>
      <c r="F15" s="104">
        <v>280</v>
      </c>
      <c r="G15" s="103">
        <v>253</v>
      </c>
      <c r="H15" s="102">
        <v>57492</v>
      </c>
    </row>
    <row r="16" spans="1:8" ht="19.5" customHeight="1" x14ac:dyDescent="0.15">
      <c r="A16" s="107" t="s">
        <v>29</v>
      </c>
      <c r="B16" s="123">
        <v>0</v>
      </c>
      <c r="C16" s="122">
        <v>41122</v>
      </c>
      <c r="D16" s="122">
        <v>1854</v>
      </c>
      <c r="E16" s="122">
        <v>14260</v>
      </c>
      <c r="F16" s="121">
        <v>636</v>
      </c>
      <c r="G16" s="120">
        <v>45</v>
      </c>
      <c r="H16" s="119">
        <v>57917</v>
      </c>
    </row>
    <row r="17" spans="1:8" ht="19.5" customHeight="1" thickBot="1" x14ac:dyDescent="0.2">
      <c r="A17" s="136" t="s">
        <v>28</v>
      </c>
      <c r="B17" s="100">
        <v>0</v>
      </c>
      <c r="C17" s="99">
        <v>8382</v>
      </c>
      <c r="D17" s="99">
        <v>197</v>
      </c>
      <c r="E17" s="99">
        <v>3090</v>
      </c>
      <c r="F17" s="98">
        <v>173</v>
      </c>
      <c r="G17" s="97">
        <v>0</v>
      </c>
      <c r="H17" s="96">
        <v>11842</v>
      </c>
    </row>
    <row r="18" spans="1:8" ht="19.5" customHeight="1" x14ac:dyDescent="0.15">
      <c r="A18" s="113" t="s">
        <v>27</v>
      </c>
      <c r="B18" s="112">
        <v>0</v>
      </c>
      <c r="C18" s="111">
        <v>7829</v>
      </c>
      <c r="D18" s="111">
        <v>106</v>
      </c>
      <c r="E18" s="111">
        <v>3716</v>
      </c>
      <c r="F18" s="110">
        <v>122</v>
      </c>
      <c r="G18" s="109">
        <v>13</v>
      </c>
      <c r="H18" s="108">
        <v>11786</v>
      </c>
    </row>
    <row r="19" spans="1:8" ht="19.5" customHeight="1" x14ac:dyDescent="0.15">
      <c r="A19" s="107" t="s">
        <v>26</v>
      </c>
      <c r="B19" s="123">
        <v>0</v>
      </c>
      <c r="C19" s="122">
        <v>31360</v>
      </c>
      <c r="D19" s="122">
        <v>837</v>
      </c>
      <c r="E19" s="122">
        <v>10089</v>
      </c>
      <c r="F19" s="121">
        <v>809</v>
      </c>
      <c r="G19" s="120">
        <v>50</v>
      </c>
      <c r="H19" s="119">
        <v>43145</v>
      </c>
    </row>
    <row r="20" spans="1:8" ht="19.5" customHeight="1" x14ac:dyDescent="0.15">
      <c r="A20" s="107" t="s">
        <v>25</v>
      </c>
      <c r="B20" s="135">
        <v>0</v>
      </c>
      <c r="C20" s="105">
        <v>45106</v>
      </c>
      <c r="D20" s="105">
        <v>0</v>
      </c>
      <c r="E20" s="105">
        <v>16166</v>
      </c>
      <c r="F20" s="104">
        <v>690</v>
      </c>
      <c r="G20" s="103">
        <v>0</v>
      </c>
      <c r="H20" s="102">
        <v>61962</v>
      </c>
    </row>
    <row r="21" spans="1:8" ht="19.5" customHeight="1" x14ac:dyDescent="0.15">
      <c r="A21" s="107" t="s">
        <v>24</v>
      </c>
      <c r="B21" s="135">
        <v>0</v>
      </c>
      <c r="C21" s="105">
        <v>44183</v>
      </c>
      <c r="D21" s="105">
        <v>1433</v>
      </c>
      <c r="E21" s="105">
        <v>11634</v>
      </c>
      <c r="F21" s="104">
        <v>1179</v>
      </c>
      <c r="G21" s="103">
        <v>0</v>
      </c>
      <c r="H21" s="102">
        <v>58429</v>
      </c>
    </row>
    <row r="22" spans="1:8" ht="19.5" customHeight="1" thickBot="1" x14ac:dyDescent="0.2">
      <c r="A22" s="101" t="s">
        <v>23</v>
      </c>
      <c r="B22" s="118">
        <v>0</v>
      </c>
      <c r="C22" s="117">
        <v>20591</v>
      </c>
      <c r="D22" s="117">
        <v>439</v>
      </c>
      <c r="E22" s="117">
        <v>3216</v>
      </c>
      <c r="F22" s="116">
        <v>486</v>
      </c>
      <c r="G22" s="115">
        <v>33</v>
      </c>
      <c r="H22" s="114">
        <v>24765</v>
      </c>
    </row>
    <row r="23" spans="1:8" ht="19.5" customHeight="1" x14ac:dyDescent="0.15">
      <c r="A23" s="113" t="s">
        <v>22</v>
      </c>
      <c r="B23" s="112">
        <v>0</v>
      </c>
      <c r="C23" s="111">
        <v>23957</v>
      </c>
      <c r="D23" s="111">
        <v>437</v>
      </c>
      <c r="E23" s="111">
        <v>9219</v>
      </c>
      <c r="F23" s="110">
        <v>619</v>
      </c>
      <c r="G23" s="109">
        <v>0</v>
      </c>
      <c r="H23" s="108">
        <v>34232</v>
      </c>
    </row>
    <row r="24" spans="1:8" ht="19.5" customHeight="1" x14ac:dyDescent="0.15">
      <c r="A24" s="107" t="s">
        <v>21</v>
      </c>
      <c r="B24" s="106">
        <v>0</v>
      </c>
      <c r="C24" s="105">
        <v>22877</v>
      </c>
      <c r="D24" s="105">
        <v>298</v>
      </c>
      <c r="E24" s="105">
        <v>7619</v>
      </c>
      <c r="F24" s="104">
        <v>349</v>
      </c>
      <c r="G24" s="103">
        <v>0</v>
      </c>
      <c r="H24" s="102">
        <v>31143</v>
      </c>
    </row>
    <row r="25" spans="1:8" ht="19.5" customHeight="1" x14ac:dyDescent="0.15">
      <c r="A25" s="107" t="s">
        <v>20</v>
      </c>
      <c r="B25" s="106">
        <v>0</v>
      </c>
      <c r="C25" s="105">
        <v>8091</v>
      </c>
      <c r="D25" s="105">
        <v>215</v>
      </c>
      <c r="E25" s="105">
        <v>2582</v>
      </c>
      <c r="F25" s="104">
        <v>252</v>
      </c>
      <c r="G25" s="103">
        <v>0</v>
      </c>
      <c r="H25" s="102">
        <v>11140</v>
      </c>
    </row>
    <row r="26" spans="1:8" ht="19.5" customHeight="1" thickBot="1" x14ac:dyDescent="0.2">
      <c r="A26" s="134" t="s">
        <v>19</v>
      </c>
      <c r="B26" s="133">
        <v>0</v>
      </c>
      <c r="C26" s="132">
        <v>15765</v>
      </c>
      <c r="D26" s="132">
        <v>268</v>
      </c>
      <c r="E26" s="132">
        <v>5492</v>
      </c>
      <c r="F26" s="131">
        <v>4</v>
      </c>
      <c r="G26" s="130">
        <v>0</v>
      </c>
      <c r="H26" s="129">
        <v>21529</v>
      </c>
    </row>
    <row r="27" spans="1:8" ht="19.5" customHeight="1" thickBot="1" x14ac:dyDescent="0.2">
      <c r="A27" s="128" t="s">
        <v>18</v>
      </c>
      <c r="B27" s="94">
        <v>406831</v>
      </c>
      <c r="C27" s="127">
        <v>1316531</v>
      </c>
      <c r="D27" s="127">
        <v>19587</v>
      </c>
      <c r="E27" s="127">
        <v>354502</v>
      </c>
      <c r="F27" s="126">
        <v>38881</v>
      </c>
      <c r="G27" s="125">
        <v>591</v>
      </c>
      <c r="H27" s="91">
        <v>2136923</v>
      </c>
    </row>
    <row r="28" spans="1:8" ht="19.5" customHeight="1" x14ac:dyDescent="0.15">
      <c r="A28" s="113" t="s">
        <v>17</v>
      </c>
      <c r="B28" s="124">
        <v>0</v>
      </c>
      <c r="C28" s="111">
        <v>4704</v>
      </c>
      <c r="D28" s="111">
        <v>258</v>
      </c>
      <c r="E28" s="111">
        <v>1840</v>
      </c>
      <c r="F28" s="110">
        <v>0</v>
      </c>
      <c r="G28" s="109">
        <v>0</v>
      </c>
      <c r="H28" s="108">
        <v>6802</v>
      </c>
    </row>
    <row r="29" spans="1:8" ht="19.5" customHeight="1" x14ac:dyDescent="0.15">
      <c r="A29" s="107" t="s">
        <v>16</v>
      </c>
      <c r="B29" s="106">
        <v>0</v>
      </c>
      <c r="C29" s="105">
        <v>8622</v>
      </c>
      <c r="D29" s="105">
        <v>474</v>
      </c>
      <c r="E29" s="105">
        <v>2117</v>
      </c>
      <c r="F29" s="104">
        <v>686</v>
      </c>
      <c r="G29" s="103">
        <v>0</v>
      </c>
      <c r="H29" s="102">
        <v>11899</v>
      </c>
    </row>
    <row r="30" spans="1:8" ht="19.5" customHeight="1" x14ac:dyDescent="0.15">
      <c r="A30" s="107" t="s">
        <v>15</v>
      </c>
      <c r="B30" s="123">
        <v>0</v>
      </c>
      <c r="C30" s="122">
        <v>6259</v>
      </c>
      <c r="D30" s="122">
        <v>333</v>
      </c>
      <c r="E30" s="122">
        <v>1998</v>
      </c>
      <c r="F30" s="121">
        <v>60</v>
      </c>
      <c r="G30" s="120">
        <v>12</v>
      </c>
      <c r="H30" s="119">
        <v>8662</v>
      </c>
    </row>
    <row r="31" spans="1:8" ht="19.5" customHeight="1" thickBot="1" x14ac:dyDescent="0.2">
      <c r="A31" s="101" t="s">
        <v>14</v>
      </c>
      <c r="B31" s="118">
        <v>0</v>
      </c>
      <c r="C31" s="117">
        <v>4551</v>
      </c>
      <c r="D31" s="117">
        <v>299</v>
      </c>
      <c r="E31" s="117">
        <v>1952</v>
      </c>
      <c r="F31" s="116">
        <v>96</v>
      </c>
      <c r="G31" s="115">
        <v>9</v>
      </c>
      <c r="H31" s="114">
        <v>6907</v>
      </c>
    </row>
    <row r="32" spans="1:8" ht="19.5" customHeight="1" x14ac:dyDescent="0.15">
      <c r="A32" s="113" t="s">
        <v>13</v>
      </c>
      <c r="B32" s="112">
        <v>0</v>
      </c>
      <c r="C32" s="111">
        <v>2189</v>
      </c>
      <c r="D32" s="111">
        <v>61</v>
      </c>
      <c r="E32" s="111">
        <v>383</v>
      </c>
      <c r="F32" s="110">
        <v>7</v>
      </c>
      <c r="G32" s="109">
        <v>3</v>
      </c>
      <c r="H32" s="108">
        <v>2643</v>
      </c>
    </row>
    <row r="33" spans="1:8" ht="19.5" customHeight="1" x14ac:dyDescent="0.15">
      <c r="A33" s="107" t="s">
        <v>12</v>
      </c>
      <c r="B33" s="106">
        <v>0</v>
      </c>
      <c r="C33" s="105">
        <v>3731</v>
      </c>
      <c r="D33" s="105">
        <v>105</v>
      </c>
      <c r="E33" s="105">
        <v>898</v>
      </c>
      <c r="F33" s="104">
        <v>17</v>
      </c>
      <c r="G33" s="103">
        <v>5</v>
      </c>
      <c r="H33" s="102">
        <v>4756</v>
      </c>
    </row>
    <row r="34" spans="1:8" ht="19.5" customHeight="1" x14ac:dyDescent="0.15">
      <c r="A34" s="107" t="s">
        <v>11</v>
      </c>
      <c r="B34" s="106">
        <v>0</v>
      </c>
      <c r="C34" s="105">
        <v>2210</v>
      </c>
      <c r="D34" s="105">
        <v>69</v>
      </c>
      <c r="E34" s="105">
        <v>607</v>
      </c>
      <c r="F34" s="104">
        <v>11</v>
      </c>
      <c r="G34" s="103">
        <v>4</v>
      </c>
      <c r="H34" s="102">
        <v>2901</v>
      </c>
    </row>
    <row r="35" spans="1:8" ht="19.5" customHeight="1" x14ac:dyDescent="0.15">
      <c r="A35" s="107" t="s">
        <v>10</v>
      </c>
      <c r="B35" s="106">
        <v>0</v>
      </c>
      <c r="C35" s="105">
        <v>2470</v>
      </c>
      <c r="D35" s="105">
        <v>32</v>
      </c>
      <c r="E35" s="105">
        <v>511</v>
      </c>
      <c r="F35" s="104">
        <v>14</v>
      </c>
      <c r="G35" s="103">
        <v>4</v>
      </c>
      <c r="H35" s="102">
        <v>3031</v>
      </c>
    </row>
    <row r="36" spans="1:8" ht="19.5" customHeight="1" thickBot="1" x14ac:dyDescent="0.2">
      <c r="A36" s="101" t="s">
        <v>9</v>
      </c>
      <c r="B36" s="118">
        <v>0</v>
      </c>
      <c r="C36" s="117">
        <v>3604</v>
      </c>
      <c r="D36" s="117">
        <v>29</v>
      </c>
      <c r="E36" s="117">
        <v>1162</v>
      </c>
      <c r="F36" s="116">
        <v>22</v>
      </c>
      <c r="G36" s="115">
        <v>0</v>
      </c>
      <c r="H36" s="114">
        <v>4817</v>
      </c>
    </row>
    <row r="37" spans="1:8" ht="19.5" customHeight="1" x14ac:dyDescent="0.15">
      <c r="A37" s="113" t="s">
        <v>8</v>
      </c>
      <c r="B37" s="112">
        <v>0</v>
      </c>
      <c r="C37" s="111">
        <v>10331</v>
      </c>
      <c r="D37" s="111">
        <v>110</v>
      </c>
      <c r="E37" s="111">
        <v>1296</v>
      </c>
      <c r="F37" s="110">
        <v>137</v>
      </c>
      <c r="G37" s="109">
        <v>0</v>
      </c>
      <c r="H37" s="108">
        <v>11874</v>
      </c>
    </row>
    <row r="38" spans="1:8" ht="19.5" customHeight="1" x14ac:dyDescent="0.15">
      <c r="A38" s="107" t="s">
        <v>7</v>
      </c>
      <c r="B38" s="106">
        <v>0</v>
      </c>
      <c r="C38" s="105">
        <v>1674</v>
      </c>
      <c r="D38" s="105">
        <v>1</v>
      </c>
      <c r="E38" s="105">
        <v>246</v>
      </c>
      <c r="F38" s="104">
        <v>75</v>
      </c>
      <c r="G38" s="103">
        <v>0</v>
      </c>
      <c r="H38" s="102">
        <v>1996</v>
      </c>
    </row>
    <row r="39" spans="1:8" ht="19.5" customHeight="1" x14ac:dyDescent="0.15">
      <c r="A39" s="107" t="s">
        <v>6</v>
      </c>
      <c r="B39" s="106">
        <v>0</v>
      </c>
      <c r="C39" s="105">
        <v>7455</v>
      </c>
      <c r="D39" s="105">
        <v>197</v>
      </c>
      <c r="E39" s="105">
        <v>938</v>
      </c>
      <c r="F39" s="104">
        <v>64</v>
      </c>
      <c r="G39" s="103">
        <v>0</v>
      </c>
      <c r="H39" s="102">
        <v>8654</v>
      </c>
    </row>
    <row r="40" spans="1:8" ht="19.5" customHeight="1" x14ac:dyDescent="0.15">
      <c r="A40" s="107" t="s">
        <v>5</v>
      </c>
      <c r="B40" s="106">
        <v>0</v>
      </c>
      <c r="C40" s="105">
        <v>7522</v>
      </c>
      <c r="D40" s="105">
        <v>0</v>
      </c>
      <c r="E40" s="105">
        <v>2400</v>
      </c>
      <c r="F40" s="104">
        <v>44</v>
      </c>
      <c r="G40" s="103">
        <v>0</v>
      </c>
      <c r="H40" s="102">
        <v>9966</v>
      </c>
    </row>
    <row r="41" spans="1:8" ht="19.5" customHeight="1" thickBot="1" x14ac:dyDescent="0.2">
      <c r="A41" s="101" t="s">
        <v>4</v>
      </c>
      <c r="B41" s="100">
        <v>0</v>
      </c>
      <c r="C41" s="99">
        <v>603</v>
      </c>
      <c r="D41" s="99">
        <v>0</v>
      </c>
      <c r="E41" s="99">
        <v>225</v>
      </c>
      <c r="F41" s="98">
        <v>63</v>
      </c>
      <c r="G41" s="97">
        <v>3</v>
      </c>
      <c r="H41" s="96">
        <v>894</v>
      </c>
    </row>
    <row r="42" spans="1:8" ht="19.5" customHeight="1" thickBot="1" x14ac:dyDescent="0.2">
      <c r="A42" s="95" t="s">
        <v>65</v>
      </c>
      <c r="B42" s="94">
        <v>0</v>
      </c>
      <c r="C42" s="87">
        <v>65925</v>
      </c>
      <c r="D42" s="87">
        <v>1968</v>
      </c>
      <c r="E42" s="87">
        <v>16573</v>
      </c>
      <c r="F42" s="93">
        <v>1296</v>
      </c>
      <c r="G42" s="92">
        <v>40</v>
      </c>
      <c r="H42" s="91">
        <v>85802</v>
      </c>
    </row>
    <row r="43" spans="1:8" ht="19.5" customHeight="1" thickBot="1" x14ac:dyDescent="0.2">
      <c r="A43" s="90" t="s">
        <v>64</v>
      </c>
      <c r="B43" s="89">
        <v>406831</v>
      </c>
      <c r="C43" s="88">
        <v>1382456</v>
      </c>
      <c r="D43" s="88">
        <v>21555</v>
      </c>
      <c r="E43" s="87">
        <v>371075</v>
      </c>
      <c r="F43" s="86">
        <v>40177</v>
      </c>
      <c r="G43" s="85">
        <v>631</v>
      </c>
      <c r="H43" s="84">
        <v>2222725</v>
      </c>
    </row>
    <row r="44" spans="1:8" s="83" customFormat="1" ht="16.5" customHeight="1" x14ac:dyDescent="0.15"/>
    <row r="45" spans="1:8" s="83" customFormat="1" ht="16.5" customHeight="1" x14ac:dyDescent="0.15"/>
    <row r="66" spans="1:2" ht="16.5" customHeight="1" x14ac:dyDescent="0.15">
      <c r="A66" s="82"/>
      <c r="B66" s="79"/>
    </row>
  </sheetData>
  <mergeCells count="8">
    <mergeCell ref="G6:G7"/>
    <mergeCell ref="H5:H6"/>
    <mergeCell ref="A5:A6"/>
    <mergeCell ref="B6:B7"/>
    <mergeCell ref="C6:C7"/>
    <mergeCell ref="D6:D7"/>
    <mergeCell ref="E6:E7"/>
    <mergeCell ref="F6:F7"/>
  </mergeCells>
  <phoneticPr fontId="3"/>
  <conditionalFormatting sqref="B27:G27">
    <cfRule type="expression" dxfId="28" priority="4" stopIfTrue="1">
      <formula>NOT(SUM(B8:B26))</formula>
    </cfRule>
  </conditionalFormatting>
  <conditionalFormatting sqref="B8:H43">
    <cfRule type="cellIs" dxfId="27" priority="1" operator="equal">
      <formula>0</formula>
    </cfRule>
  </conditionalFormatting>
  <conditionalFormatting sqref="C42:G42">
    <cfRule type="expression" dxfId="26" priority="2" stopIfTrue="1">
      <formula>NOT(SUM(C28:C41))</formula>
    </cfRule>
  </conditionalFormatting>
  <conditionalFormatting sqref="H8:H43">
    <cfRule type="expression" dxfId="25" priority="3" stopIfTrue="1">
      <formula>NOT(SUM(B8:G8))</formula>
    </cfRule>
  </conditionalFormatting>
  <printOptions horizontalCentered="1"/>
  <pageMargins left="0.59055118110236227" right="0.59055118110236227" top="0.78740157480314965" bottom="0.78740157480314965" header="0.51181102362204722" footer="0.39370078740157483"/>
  <pageSetup paperSize="9" scale="98" fitToWidth="2"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11"/>
  <dimension ref="A1:Z61"/>
  <sheetViews>
    <sheetView zoomScaleNormal="100" zoomScaleSheetLayoutView="100" workbookViewId="0">
      <pane xSplit="1" ySplit="8" topLeftCell="B9" activePane="bottomRight" state="frozen"/>
      <selection activeCell="Q32" sqref="Q32"/>
      <selection pane="topRight" activeCell="Q32" sqref="Q32"/>
      <selection pane="bottomLeft" activeCell="Q32" sqref="Q32"/>
      <selection pane="bottomRight" activeCell="S15" sqref="S15"/>
    </sheetView>
  </sheetViews>
  <sheetFormatPr defaultColWidth="9" defaultRowHeight="16.5" customHeight="1" x14ac:dyDescent="0.15"/>
  <cols>
    <col min="1" max="1" width="10.625" style="166" customWidth="1"/>
    <col min="2" max="2" width="6.875" style="165" customWidth="1"/>
    <col min="3" max="12" width="6.875" style="164" customWidth="1"/>
    <col min="13" max="21" width="6.625" style="164" customWidth="1"/>
    <col min="22" max="23" width="5.875" style="164" customWidth="1"/>
    <col min="24" max="25" width="6.625" style="164" customWidth="1"/>
    <col min="26" max="26" width="6" style="164" customWidth="1"/>
    <col min="27" max="16384" width="9" style="164"/>
  </cols>
  <sheetData>
    <row r="1" spans="1:26" ht="16.5" customHeight="1" x14ac:dyDescent="0.15">
      <c r="A1" s="286"/>
      <c r="B1" s="286"/>
      <c r="C1" s="286"/>
      <c r="D1" s="286"/>
      <c r="J1" s="285"/>
      <c r="K1" s="285"/>
      <c r="L1" s="285"/>
      <c r="M1" s="285"/>
      <c r="N1" s="285"/>
      <c r="O1" s="285"/>
    </row>
    <row r="2" spans="1:26" ht="9" customHeight="1" x14ac:dyDescent="0.15">
      <c r="A2" s="286"/>
      <c r="B2" s="286"/>
      <c r="C2" s="286"/>
      <c r="D2" s="286"/>
      <c r="J2" s="285"/>
      <c r="K2" s="285"/>
      <c r="L2" s="285"/>
      <c r="M2" s="285"/>
      <c r="N2" s="285"/>
      <c r="O2" s="285"/>
    </row>
    <row r="3" spans="1:26" s="279" customFormat="1" ht="16.5" customHeight="1" thickBot="1" x14ac:dyDescent="0.2">
      <c r="A3" s="284" t="s">
        <v>251</v>
      </c>
      <c r="B3" s="283"/>
      <c r="C3" s="282"/>
      <c r="T3" s="281"/>
      <c r="U3" s="281"/>
      <c r="V3" s="281"/>
      <c r="W3" s="281"/>
      <c r="X3" s="281"/>
      <c r="Y3" s="281"/>
      <c r="Z3" s="280" t="s">
        <v>147</v>
      </c>
    </row>
    <row r="4" spans="1:26" s="165" customFormat="1" ht="16.5" customHeight="1" thickBot="1" x14ac:dyDescent="0.2">
      <c r="A4" s="278"/>
      <c r="B4" s="277" t="s">
        <v>79</v>
      </c>
      <c r="C4" s="276"/>
      <c r="D4" s="275"/>
      <c r="E4" s="1717" t="s">
        <v>146</v>
      </c>
      <c r="F4" s="1717"/>
      <c r="G4" s="1717"/>
      <c r="H4" s="1717"/>
      <c r="I4" s="1717"/>
      <c r="J4" s="1717"/>
      <c r="K4" s="1717"/>
      <c r="L4" s="1717"/>
      <c r="M4" s="1717"/>
      <c r="N4" s="1717"/>
      <c r="O4" s="1717"/>
      <c r="P4" s="1717"/>
      <c r="Q4" s="1717"/>
      <c r="R4" s="1717"/>
      <c r="S4" s="1717"/>
      <c r="T4" s="1717"/>
      <c r="U4" s="1717"/>
      <c r="V4" s="1717"/>
      <c r="W4" s="1717"/>
      <c r="X4" s="1717"/>
      <c r="Y4" s="275"/>
      <c r="Z4" s="274"/>
    </row>
    <row r="5" spans="1:26" s="243" customFormat="1" ht="16.5" customHeight="1" x14ac:dyDescent="0.15">
      <c r="A5" s="265"/>
      <c r="B5" s="1709" t="s">
        <v>145</v>
      </c>
      <c r="C5" s="1701" t="s">
        <v>144</v>
      </c>
      <c r="D5" s="1702"/>
      <c r="E5" s="1702"/>
      <c r="F5" s="1702"/>
      <c r="G5" s="1703"/>
      <c r="H5" s="1701" t="s">
        <v>143</v>
      </c>
      <c r="I5" s="1702"/>
      <c r="J5" s="1702"/>
      <c r="K5" s="1702"/>
      <c r="L5" s="1703"/>
      <c r="M5" s="1701" t="s">
        <v>142</v>
      </c>
      <c r="N5" s="1702"/>
      <c r="O5" s="1702"/>
      <c r="P5" s="1702"/>
      <c r="Q5" s="1702"/>
      <c r="R5" s="1703"/>
      <c r="S5" s="272" t="s">
        <v>75</v>
      </c>
      <c r="T5" s="273" t="s">
        <v>74</v>
      </c>
      <c r="U5" s="1704" t="s">
        <v>141</v>
      </c>
      <c r="V5" s="1705"/>
      <c r="W5" s="1705"/>
      <c r="X5" s="1705"/>
      <c r="Y5" s="1703"/>
      <c r="Z5" s="272" t="s">
        <v>140</v>
      </c>
    </row>
    <row r="6" spans="1:26" s="243" customFormat="1" ht="16.5" customHeight="1" x14ac:dyDescent="0.15">
      <c r="A6" s="271" t="s">
        <v>139</v>
      </c>
      <c r="B6" s="1709"/>
      <c r="C6" s="262"/>
      <c r="D6" s="269"/>
      <c r="E6" s="269"/>
      <c r="F6" s="262"/>
      <c r="G6" s="258"/>
      <c r="H6" s="264"/>
      <c r="I6" s="269"/>
      <c r="J6" s="1711" t="s">
        <v>138</v>
      </c>
      <c r="K6" s="269"/>
      <c r="L6" s="258"/>
      <c r="M6" s="270"/>
      <c r="N6" s="269"/>
      <c r="O6" s="262"/>
      <c r="P6" s="269"/>
      <c r="Q6" s="268"/>
      <c r="R6" s="258"/>
      <c r="S6" s="1710" t="s">
        <v>137</v>
      </c>
      <c r="T6" s="259" t="s">
        <v>136</v>
      </c>
      <c r="U6" s="1714" t="s">
        <v>135</v>
      </c>
      <c r="V6" s="1706" t="s">
        <v>134</v>
      </c>
      <c r="W6" s="1706" t="s">
        <v>231</v>
      </c>
      <c r="X6" s="267"/>
      <c r="Y6" s="266"/>
      <c r="Z6" s="1700" t="s">
        <v>132</v>
      </c>
    </row>
    <row r="7" spans="1:26" s="243" customFormat="1" ht="16.5" customHeight="1" x14ac:dyDescent="0.15">
      <c r="A7" s="265"/>
      <c r="B7" s="1709"/>
      <c r="C7" s="262" t="s">
        <v>131</v>
      </c>
      <c r="D7" s="261" t="s">
        <v>130</v>
      </c>
      <c r="E7" s="261" t="s">
        <v>123</v>
      </c>
      <c r="F7" s="262" t="s">
        <v>124</v>
      </c>
      <c r="G7" s="258" t="s">
        <v>121</v>
      </c>
      <c r="H7" s="264" t="s">
        <v>129</v>
      </c>
      <c r="I7" s="261" t="s">
        <v>128</v>
      </c>
      <c r="J7" s="1712"/>
      <c r="K7" s="261" t="s">
        <v>124</v>
      </c>
      <c r="L7" s="258" t="s">
        <v>121</v>
      </c>
      <c r="M7" s="263" t="s">
        <v>127</v>
      </c>
      <c r="N7" s="261" t="s">
        <v>126</v>
      </c>
      <c r="O7" s="262" t="s">
        <v>125</v>
      </c>
      <c r="P7" s="261" t="s">
        <v>255</v>
      </c>
      <c r="Q7" s="260" t="s">
        <v>133</v>
      </c>
      <c r="R7" s="258" t="s">
        <v>121</v>
      </c>
      <c r="S7" s="1710"/>
      <c r="T7" s="259" t="s">
        <v>122</v>
      </c>
      <c r="U7" s="1715"/>
      <c r="V7" s="1707"/>
      <c r="W7" s="1707"/>
      <c r="X7" s="653" t="s">
        <v>133</v>
      </c>
      <c r="Y7" s="258" t="s">
        <v>121</v>
      </c>
      <c r="Z7" s="1700"/>
    </row>
    <row r="8" spans="1:26" s="243" customFormat="1" ht="16.5" customHeight="1" thickBot="1" x14ac:dyDescent="0.2">
      <c r="A8" s="257"/>
      <c r="B8" s="256" t="s">
        <v>120</v>
      </c>
      <c r="C8" s="255" t="s">
        <v>119</v>
      </c>
      <c r="D8" s="254" t="s">
        <v>118</v>
      </c>
      <c r="E8" s="250"/>
      <c r="F8" s="251"/>
      <c r="G8" s="248"/>
      <c r="H8" s="253"/>
      <c r="I8" s="250"/>
      <c r="J8" s="1713"/>
      <c r="K8" s="250"/>
      <c r="L8" s="248"/>
      <c r="M8" s="252"/>
      <c r="N8" s="250"/>
      <c r="O8" s="251"/>
      <c r="P8" s="250"/>
      <c r="Q8" s="249"/>
      <c r="R8" s="248"/>
      <c r="S8" s="244"/>
      <c r="T8" s="247"/>
      <c r="U8" s="1716"/>
      <c r="V8" s="1708"/>
      <c r="W8" s="1708"/>
      <c r="X8" s="246"/>
      <c r="Y8" s="245"/>
      <c r="Z8" s="244"/>
    </row>
    <row r="9" spans="1:26" ht="19.5" customHeight="1" x14ac:dyDescent="0.15">
      <c r="A9" s="242" t="s">
        <v>117</v>
      </c>
      <c r="B9" s="214">
        <v>114069</v>
      </c>
      <c r="C9" s="241" t="s">
        <v>184</v>
      </c>
      <c r="D9" s="227" t="s">
        <v>184</v>
      </c>
      <c r="E9" s="227">
        <v>3927</v>
      </c>
      <c r="F9" s="241">
        <v>9397</v>
      </c>
      <c r="G9" s="226">
        <v>13324</v>
      </c>
      <c r="H9" s="654" t="s">
        <v>184</v>
      </c>
      <c r="I9" s="207" t="s">
        <v>184</v>
      </c>
      <c r="J9" s="655" t="s">
        <v>184</v>
      </c>
      <c r="K9" s="211">
        <v>24390</v>
      </c>
      <c r="L9" s="213">
        <v>24390</v>
      </c>
      <c r="M9" s="212" t="s">
        <v>184</v>
      </c>
      <c r="N9" s="207" t="s">
        <v>184</v>
      </c>
      <c r="O9" s="207" t="s">
        <v>184</v>
      </c>
      <c r="P9" s="207" t="s">
        <v>184</v>
      </c>
      <c r="Q9" s="207">
        <v>982</v>
      </c>
      <c r="R9" s="213">
        <v>982</v>
      </c>
      <c r="S9" s="222">
        <v>473</v>
      </c>
      <c r="T9" s="241">
        <v>16437</v>
      </c>
      <c r="U9" s="240">
        <v>50359</v>
      </c>
      <c r="V9" s="235">
        <v>0</v>
      </c>
      <c r="W9" s="235">
        <v>0</v>
      </c>
      <c r="X9" s="207">
        <v>0</v>
      </c>
      <c r="Y9" s="213">
        <v>50359</v>
      </c>
      <c r="Z9" s="222">
        <v>8104</v>
      </c>
    </row>
    <row r="10" spans="1:26" ht="19.5" customHeight="1" x14ac:dyDescent="0.15">
      <c r="A10" s="239" t="s">
        <v>116</v>
      </c>
      <c r="B10" s="234">
        <v>48448</v>
      </c>
      <c r="C10" s="201">
        <v>2859</v>
      </c>
      <c r="D10" s="199">
        <v>4243</v>
      </c>
      <c r="E10" s="199">
        <v>2655</v>
      </c>
      <c r="F10" s="201">
        <v>0</v>
      </c>
      <c r="G10" s="198">
        <v>9757</v>
      </c>
      <c r="H10" s="200" t="s">
        <v>184</v>
      </c>
      <c r="I10" s="202" t="s">
        <v>184</v>
      </c>
      <c r="J10" s="199" t="s">
        <v>184</v>
      </c>
      <c r="K10" s="199">
        <v>9460</v>
      </c>
      <c r="L10" s="198">
        <v>9460</v>
      </c>
      <c r="M10" s="200">
        <v>0</v>
      </c>
      <c r="N10" s="199">
        <v>86</v>
      </c>
      <c r="O10" s="199">
        <v>0</v>
      </c>
      <c r="P10" s="199">
        <v>8770</v>
      </c>
      <c r="Q10" s="199">
        <v>0</v>
      </c>
      <c r="R10" s="198">
        <v>8856</v>
      </c>
      <c r="S10" s="197">
        <v>0</v>
      </c>
      <c r="T10" s="201">
        <v>5705</v>
      </c>
      <c r="U10" s="200">
        <v>14359</v>
      </c>
      <c r="V10" s="199">
        <v>0</v>
      </c>
      <c r="W10" s="199">
        <v>0</v>
      </c>
      <c r="X10" s="199">
        <v>0</v>
      </c>
      <c r="Y10" s="213">
        <v>14359</v>
      </c>
      <c r="Z10" s="197">
        <v>311</v>
      </c>
    </row>
    <row r="11" spans="1:26" ht="19.5" customHeight="1" x14ac:dyDescent="0.15">
      <c r="A11" s="204" t="s">
        <v>35</v>
      </c>
      <c r="B11" s="234">
        <v>32980</v>
      </c>
      <c r="C11" s="201">
        <v>532</v>
      </c>
      <c r="D11" s="211">
        <v>1087</v>
      </c>
      <c r="E11" s="211">
        <v>603</v>
      </c>
      <c r="F11" s="201">
        <v>0</v>
      </c>
      <c r="G11" s="213">
        <v>2222</v>
      </c>
      <c r="H11" s="208">
        <v>1536</v>
      </c>
      <c r="I11" s="223">
        <v>991</v>
      </c>
      <c r="J11" s="199">
        <v>937</v>
      </c>
      <c r="K11" s="199">
        <v>0</v>
      </c>
      <c r="L11" s="198">
        <v>3464</v>
      </c>
      <c r="M11" s="200">
        <v>4953</v>
      </c>
      <c r="N11" s="199">
        <v>7021</v>
      </c>
      <c r="O11" s="199">
        <v>61</v>
      </c>
      <c r="P11" s="199">
        <v>3595</v>
      </c>
      <c r="Q11" s="199">
        <v>0</v>
      </c>
      <c r="R11" s="198">
        <v>15630</v>
      </c>
      <c r="S11" s="197">
        <v>2434</v>
      </c>
      <c r="T11" s="201">
        <v>1565</v>
      </c>
      <c r="U11" s="200">
        <v>6628</v>
      </c>
      <c r="V11" s="199">
        <v>0</v>
      </c>
      <c r="W11" s="199">
        <v>0</v>
      </c>
      <c r="X11" s="199">
        <v>0</v>
      </c>
      <c r="Y11" s="213">
        <v>6628</v>
      </c>
      <c r="Z11" s="197">
        <v>1037</v>
      </c>
    </row>
    <row r="12" spans="1:26" ht="19.5" customHeight="1" x14ac:dyDescent="0.15">
      <c r="A12" s="204" t="s">
        <v>115</v>
      </c>
      <c r="B12" s="234">
        <v>12389</v>
      </c>
      <c r="C12" s="201">
        <v>489</v>
      </c>
      <c r="D12" s="199">
        <v>788</v>
      </c>
      <c r="E12" s="199">
        <v>0</v>
      </c>
      <c r="F12" s="201">
        <v>0</v>
      </c>
      <c r="G12" s="198">
        <v>1277</v>
      </c>
      <c r="H12" s="200">
        <v>1169</v>
      </c>
      <c r="I12" s="202">
        <v>841</v>
      </c>
      <c r="J12" s="199">
        <v>528</v>
      </c>
      <c r="K12" s="199">
        <v>0</v>
      </c>
      <c r="L12" s="198">
        <v>2538</v>
      </c>
      <c r="M12" s="200">
        <v>0</v>
      </c>
      <c r="N12" s="199">
        <v>0</v>
      </c>
      <c r="O12" s="199">
        <v>0</v>
      </c>
      <c r="P12" s="199">
        <v>0</v>
      </c>
      <c r="Q12" s="199">
        <v>0</v>
      </c>
      <c r="R12" s="198">
        <v>0</v>
      </c>
      <c r="S12" s="197">
        <v>0</v>
      </c>
      <c r="T12" s="201">
        <v>1689</v>
      </c>
      <c r="U12" s="200">
        <v>0</v>
      </c>
      <c r="V12" s="199">
        <v>0</v>
      </c>
      <c r="W12" s="199">
        <v>6732</v>
      </c>
      <c r="X12" s="199">
        <v>0</v>
      </c>
      <c r="Y12" s="213">
        <v>6732</v>
      </c>
      <c r="Z12" s="197">
        <v>153</v>
      </c>
    </row>
    <row r="13" spans="1:26" ht="19.5" customHeight="1" thickBot="1" x14ac:dyDescent="0.2">
      <c r="A13" s="238" t="s">
        <v>114</v>
      </c>
      <c r="B13" s="237">
        <v>14286</v>
      </c>
      <c r="C13" s="193">
        <v>311</v>
      </c>
      <c r="D13" s="191">
        <v>355</v>
      </c>
      <c r="E13" s="191">
        <v>728</v>
      </c>
      <c r="F13" s="193">
        <v>0</v>
      </c>
      <c r="G13" s="224">
        <v>1394</v>
      </c>
      <c r="H13" s="192">
        <v>752</v>
      </c>
      <c r="I13" s="194">
        <v>404</v>
      </c>
      <c r="J13" s="218">
        <v>344</v>
      </c>
      <c r="K13" s="218">
        <v>0</v>
      </c>
      <c r="L13" s="236">
        <v>1500</v>
      </c>
      <c r="M13" s="220">
        <v>3385</v>
      </c>
      <c r="N13" s="191">
        <v>2354</v>
      </c>
      <c r="O13" s="191">
        <v>91</v>
      </c>
      <c r="P13" s="218">
        <v>16</v>
      </c>
      <c r="Q13" s="219">
        <v>0</v>
      </c>
      <c r="R13" s="236">
        <v>5846</v>
      </c>
      <c r="S13" s="216">
        <v>1141</v>
      </c>
      <c r="T13" s="193">
        <v>1127</v>
      </c>
      <c r="U13" s="192">
        <v>3008</v>
      </c>
      <c r="V13" s="218">
        <v>0</v>
      </c>
      <c r="W13" s="218">
        <v>0</v>
      </c>
      <c r="X13" s="218">
        <v>0</v>
      </c>
      <c r="Y13" s="190">
        <v>3008</v>
      </c>
      <c r="Z13" s="216">
        <v>270</v>
      </c>
    </row>
    <row r="14" spans="1:26" ht="19.5" customHeight="1" x14ac:dyDescent="0.15">
      <c r="A14" s="215" t="s">
        <v>113</v>
      </c>
      <c r="B14" s="214">
        <v>24355</v>
      </c>
      <c r="C14" s="209">
        <v>152</v>
      </c>
      <c r="D14" s="211">
        <v>188</v>
      </c>
      <c r="E14" s="211">
        <v>0</v>
      </c>
      <c r="F14" s="209">
        <v>0</v>
      </c>
      <c r="G14" s="213">
        <v>340</v>
      </c>
      <c r="H14" s="212">
        <v>577</v>
      </c>
      <c r="I14" s="223">
        <v>272</v>
      </c>
      <c r="J14" s="207">
        <v>523</v>
      </c>
      <c r="K14" s="207">
        <v>0</v>
      </c>
      <c r="L14" s="206">
        <v>1372</v>
      </c>
      <c r="M14" s="212">
        <v>3343</v>
      </c>
      <c r="N14" s="211">
        <v>2298</v>
      </c>
      <c r="O14" s="211">
        <v>39</v>
      </c>
      <c r="P14" s="207">
        <v>1301</v>
      </c>
      <c r="Q14" s="207">
        <v>0</v>
      </c>
      <c r="R14" s="206">
        <v>6981</v>
      </c>
      <c r="S14" s="205">
        <v>996</v>
      </c>
      <c r="T14" s="209">
        <v>592</v>
      </c>
      <c r="U14" s="208">
        <v>2656</v>
      </c>
      <c r="V14" s="207">
        <v>0</v>
      </c>
      <c r="W14" s="207">
        <v>330</v>
      </c>
      <c r="X14" s="207">
        <v>0</v>
      </c>
      <c r="Y14" s="213">
        <v>2986</v>
      </c>
      <c r="Z14" s="205">
        <v>11088</v>
      </c>
    </row>
    <row r="15" spans="1:26" ht="19.5" customHeight="1" x14ac:dyDescent="0.15">
      <c r="A15" s="204" t="s">
        <v>112</v>
      </c>
      <c r="B15" s="234">
        <v>9027</v>
      </c>
      <c r="C15" s="201">
        <v>0</v>
      </c>
      <c r="D15" s="199">
        <v>0</v>
      </c>
      <c r="E15" s="199">
        <v>8</v>
      </c>
      <c r="F15" s="201">
        <v>0</v>
      </c>
      <c r="G15" s="198">
        <v>8</v>
      </c>
      <c r="H15" s="200">
        <v>0</v>
      </c>
      <c r="I15" s="202">
        <v>0</v>
      </c>
      <c r="J15" s="199">
        <v>0</v>
      </c>
      <c r="K15" s="199">
        <v>0</v>
      </c>
      <c r="L15" s="198">
        <v>0</v>
      </c>
      <c r="M15" s="200">
        <v>0</v>
      </c>
      <c r="N15" s="199">
        <v>0</v>
      </c>
      <c r="O15" s="199">
        <v>0</v>
      </c>
      <c r="P15" s="199">
        <v>0</v>
      </c>
      <c r="Q15" s="202">
        <v>0</v>
      </c>
      <c r="R15" s="198">
        <v>0</v>
      </c>
      <c r="S15" s="197">
        <v>0</v>
      </c>
      <c r="T15" s="201">
        <v>1483</v>
      </c>
      <c r="U15" s="200">
        <v>7452</v>
      </c>
      <c r="V15" s="199">
        <v>0</v>
      </c>
      <c r="W15" s="199">
        <v>0</v>
      </c>
      <c r="X15" s="199">
        <v>0</v>
      </c>
      <c r="Y15" s="213">
        <v>7452</v>
      </c>
      <c r="Z15" s="197">
        <v>84</v>
      </c>
    </row>
    <row r="16" spans="1:26" ht="19.5" customHeight="1" x14ac:dyDescent="0.15">
      <c r="A16" s="204" t="s">
        <v>111</v>
      </c>
      <c r="B16" s="234">
        <v>11865</v>
      </c>
      <c r="C16" s="201">
        <v>190</v>
      </c>
      <c r="D16" s="199">
        <v>380</v>
      </c>
      <c r="E16" s="199">
        <v>0</v>
      </c>
      <c r="F16" s="201">
        <v>0</v>
      </c>
      <c r="G16" s="198">
        <v>570</v>
      </c>
      <c r="H16" s="200">
        <v>484</v>
      </c>
      <c r="I16" s="202">
        <v>402</v>
      </c>
      <c r="J16" s="199">
        <v>292</v>
      </c>
      <c r="K16" s="199">
        <v>0</v>
      </c>
      <c r="L16" s="198">
        <v>1178</v>
      </c>
      <c r="M16" s="200">
        <v>3586</v>
      </c>
      <c r="N16" s="199">
        <v>2171</v>
      </c>
      <c r="O16" s="199">
        <v>60</v>
      </c>
      <c r="P16" s="199">
        <v>712</v>
      </c>
      <c r="Q16" s="202">
        <v>0</v>
      </c>
      <c r="R16" s="198">
        <v>6529</v>
      </c>
      <c r="S16" s="197">
        <v>508</v>
      </c>
      <c r="T16" s="201">
        <v>879</v>
      </c>
      <c r="U16" s="200">
        <v>2201</v>
      </c>
      <c r="V16" s="199">
        <v>0</v>
      </c>
      <c r="W16" s="199">
        <v>0</v>
      </c>
      <c r="X16" s="199">
        <v>0</v>
      </c>
      <c r="Y16" s="213">
        <v>2201</v>
      </c>
      <c r="Z16" s="197">
        <v>0</v>
      </c>
    </row>
    <row r="17" spans="1:26" ht="19.5" customHeight="1" x14ac:dyDescent="0.15">
      <c r="A17" s="204" t="s">
        <v>110</v>
      </c>
      <c r="B17" s="234">
        <v>14260</v>
      </c>
      <c r="C17" s="201">
        <v>238</v>
      </c>
      <c r="D17" s="199">
        <v>420</v>
      </c>
      <c r="E17" s="199">
        <v>54</v>
      </c>
      <c r="F17" s="201">
        <v>0</v>
      </c>
      <c r="G17" s="198">
        <v>712</v>
      </c>
      <c r="H17" s="200">
        <v>734</v>
      </c>
      <c r="I17" s="202">
        <v>394</v>
      </c>
      <c r="J17" s="199">
        <v>452</v>
      </c>
      <c r="K17" s="199">
        <v>0</v>
      </c>
      <c r="L17" s="198">
        <v>1580</v>
      </c>
      <c r="M17" s="200">
        <v>3386</v>
      </c>
      <c r="N17" s="199">
        <v>3037</v>
      </c>
      <c r="O17" s="199">
        <v>64</v>
      </c>
      <c r="P17" s="199">
        <v>0</v>
      </c>
      <c r="Q17" s="202">
        <v>0</v>
      </c>
      <c r="R17" s="198">
        <v>6487</v>
      </c>
      <c r="S17" s="197">
        <v>1145</v>
      </c>
      <c r="T17" s="201">
        <v>847</v>
      </c>
      <c r="U17" s="200">
        <v>3305</v>
      </c>
      <c r="V17" s="199">
        <v>0</v>
      </c>
      <c r="W17" s="199">
        <v>0</v>
      </c>
      <c r="X17" s="199">
        <v>0</v>
      </c>
      <c r="Y17" s="213">
        <v>3305</v>
      </c>
      <c r="Z17" s="197">
        <v>184</v>
      </c>
    </row>
    <row r="18" spans="1:26" ht="19.5" customHeight="1" thickBot="1" x14ac:dyDescent="0.2">
      <c r="A18" s="196" t="s">
        <v>109</v>
      </c>
      <c r="B18" s="232">
        <v>3090</v>
      </c>
      <c r="C18" s="193">
        <v>2</v>
      </c>
      <c r="D18" s="191">
        <v>0</v>
      </c>
      <c r="E18" s="191">
        <v>0</v>
      </c>
      <c r="F18" s="193">
        <v>0</v>
      </c>
      <c r="G18" s="190">
        <v>2</v>
      </c>
      <c r="H18" s="192">
        <v>10</v>
      </c>
      <c r="I18" s="194">
        <v>10</v>
      </c>
      <c r="J18" s="191">
        <v>439</v>
      </c>
      <c r="K18" s="191">
        <v>0</v>
      </c>
      <c r="L18" s="190">
        <v>459</v>
      </c>
      <c r="M18" s="192">
        <v>29</v>
      </c>
      <c r="N18" s="191">
        <v>17</v>
      </c>
      <c r="O18" s="191">
        <v>0</v>
      </c>
      <c r="P18" s="191">
        <v>27</v>
      </c>
      <c r="Q18" s="194">
        <v>0</v>
      </c>
      <c r="R18" s="190">
        <v>73</v>
      </c>
      <c r="S18" s="189">
        <v>0</v>
      </c>
      <c r="T18" s="193">
        <v>240</v>
      </c>
      <c r="U18" s="192">
        <v>874</v>
      </c>
      <c r="V18" s="191">
        <v>0</v>
      </c>
      <c r="W18" s="191">
        <v>0</v>
      </c>
      <c r="X18" s="191">
        <v>0</v>
      </c>
      <c r="Y18" s="190">
        <v>874</v>
      </c>
      <c r="Z18" s="189">
        <v>1442</v>
      </c>
    </row>
    <row r="19" spans="1:26" ht="19.5" customHeight="1" x14ac:dyDescent="0.15">
      <c r="A19" s="215" t="s">
        <v>108</v>
      </c>
      <c r="B19" s="214">
        <v>3716</v>
      </c>
      <c r="C19" s="209">
        <v>66</v>
      </c>
      <c r="D19" s="211">
        <v>67</v>
      </c>
      <c r="E19" s="211">
        <v>128</v>
      </c>
      <c r="F19" s="209">
        <v>0</v>
      </c>
      <c r="G19" s="213">
        <v>261</v>
      </c>
      <c r="H19" s="208">
        <v>98</v>
      </c>
      <c r="I19" s="223">
        <v>78</v>
      </c>
      <c r="J19" s="211">
        <v>76</v>
      </c>
      <c r="K19" s="211">
        <v>0</v>
      </c>
      <c r="L19" s="213">
        <v>252</v>
      </c>
      <c r="M19" s="208">
        <v>260</v>
      </c>
      <c r="N19" s="211">
        <v>274</v>
      </c>
      <c r="O19" s="211">
        <v>6</v>
      </c>
      <c r="P19" s="211">
        <v>229</v>
      </c>
      <c r="Q19" s="223">
        <v>0</v>
      </c>
      <c r="R19" s="213">
        <v>769</v>
      </c>
      <c r="S19" s="222">
        <v>154</v>
      </c>
      <c r="T19" s="209">
        <v>168</v>
      </c>
      <c r="U19" s="208">
        <v>704</v>
      </c>
      <c r="V19" s="211">
        <v>0</v>
      </c>
      <c r="W19" s="211">
        <v>0</v>
      </c>
      <c r="X19" s="211">
        <v>0</v>
      </c>
      <c r="Y19" s="213">
        <v>704</v>
      </c>
      <c r="Z19" s="222">
        <v>1408</v>
      </c>
    </row>
    <row r="20" spans="1:26" ht="19.5" customHeight="1" x14ac:dyDescent="0.15">
      <c r="A20" s="204" t="s">
        <v>107</v>
      </c>
      <c r="B20" s="234">
        <v>10089</v>
      </c>
      <c r="C20" s="201">
        <v>195</v>
      </c>
      <c r="D20" s="199">
        <v>177</v>
      </c>
      <c r="E20" s="199">
        <v>0</v>
      </c>
      <c r="F20" s="201">
        <v>0</v>
      </c>
      <c r="G20" s="198">
        <v>372</v>
      </c>
      <c r="H20" s="200">
        <v>387</v>
      </c>
      <c r="I20" s="202">
        <v>255</v>
      </c>
      <c r="J20" s="199">
        <v>169</v>
      </c>
      <c r="K20" s="199">
        <v>0</v>
      </c>
      <c r="L20" s="198">
        <v>811</v>
      </c>
      <c r="M20" s="200">
        <v>1673</v>
      </c>
      <c r="N20" s="199">
        <v>1204</v>
      </c>
      <c r="O20" s="199">
        <v>55</v>
      </c>
      <c r="P20" s="199">
        <v>476</v>
      </c>
      <c r="Q20" s="202">
        <v>0</v>
      </c>
      <c r="R20" s="198">
        <v>3408</v>
      </c>
      <c r="S20" s="197">
        <v>255</v>
      </c>
      <c r="T20" s="201">
        <v>473</v>
      </c>
      <c r="U20" s="200">
        <v>1450</v>
      </c>
      <c r="V20" s="199">
        <v>0</v>
      </c>
      <c r="W20" s="199">
        <v>0</v>
      </c>
      <c r="X20" s="199">
        <v>0</v>
      </c>
      <c r="Y20" s="213">
        <v>1450</v>
      </c>
      <c r="Z20" s="197">
        <v>3320</v>
      </c>
    </row>
    <row r="21" spans="1:26" ht="19.5" customHeight="1" x14ac:dyDescent="0.15">
      <c r="A21" s="204" t="s">
        <v>106</v>
      </c>
      <c r="B21" s="234">
        <v>16166</v>
      </c>
      <c r="C21" s="201">
        <v>238</v>
      </c>
      <c r="D21" s="199">
        <v>397</v>
      </c>
      <c r="E21" s="199">
        <v>9</v>
      </c>
      <c r="F21" s="201">
        <v>0</v>
      </c>
      <c r="G21" s="198">
        <v>644</v>
      </c>
      <c r="H21" s="200">
        <v>541</v>
      </c>
      <c r="I21" s="202">
        <v>349</v>
      </c>
      <c r="J21" s="199">
        <v>369</v>
      </c>
      <c r="K21" s="199">
        <v>0</v>
      </c>
      <c r="L21" s="198">
        <v>1259</v>
      </c>
      <c r="M21" s="200">
        <v>1591</v>
      </c>
      <c r="N21" s="199">
        <v>2190</v>
      </c>
      <c r="O21" s="199">
        <v>81</v>
      </c>
      <c r="P21" s="199">
        <v>1831</v>
      </c>
      <c r="Q21" s="202">
        <v>0</v>
      </c>
      <c r="R21" s="198">
        <v>5693</v>
      </c>
      <c r="S21" s="197">
        <v>874</v>
      </c>
      <c r="T21" s="201">
        <v>1005</v>
      </c>
      <c r="U21" s="200">
        <v>2147</v>
      </c>
      <c r="V21" s="199">
        <v>0</v>
      </c>
      <c r="W21" s="199">
        <v>32</v>
      </c>
      <c r="X21" s="199">
        <v>0</v>
      </c>
      <c r="Y21" s="213">
        <v>2179</v>
      </c>
      <c r="Z21" s="197">
        <v>4512</v>
      </c>
    </row>
    <row r="22" spans="1:26" ht="19.5" customHeight="1" x14ac:dyDescent="0.15">
      <c r="A22" s="204" t="s">
        <v>105</v>
      </c>
      <c r="B22" s="234">
        <v>11634</v>
      </c>
      <c r="C22" s="201">
        <v>275</v>
      </c>
      <c r="D22" s="199">
        <v>385</v>
      </c>
      <c r="E22" s="199">
        <v>0</v>
      </c>
      <c r="F22" s="201">
        <v>0</v>
      </c>
      <c r="G22" s="198">
        <v>660</v>
      </c>
      <c r="H22" s="200">
        <v>529</v>
      </c>
      <c r="I22" s="202">
        <v>275</v>
      </c>
      <c r="J22" s="199">
        <v>379</v>
      </c>
      <c r="K22" s="199">
        <v>0</v>
      </c>
      <c r="L22" s="198">
        <v>1183</v>
      </c>
      <c r="M22" s="200">
        <v>2264</v>
      </c>
      <c r="N22" s="199">
        <v>1935</v>
      </c>
      <c r="O22" s="199">
        <v>123</v>
      </c>
      <c r="P22" s="199">
        <v>803</v>
      </c>
      <c r="Q22" s="202">
        <v>0</v>
      </c>
      <c r="R22" s="198">
        <v>5125</v>
      </c>
      <c r="S22" s="197">
        <v>823</v>
      </c>
      <c r="T22" s="201">
        <v>669</v>
      </c>
      <c r="U22" s="200">
        <v>3118</v>
      </c>
      <c r="V22" s="199">
        <v>44</v>
      </c>
      <c r="W22" s="199">
        <v>0</v>
      </c>
      <c r="X22" s="199">
        <v>0</v>
      </c>
      <c r="Y22" s="213">
        <v>3162</v>
      </c>
      <c r="Z22" s="197">
        <v>12</v>
      </c>
    </row>
    <row r="23" spans="1:26" ht="19.5" customHeight="1" thickBot="1" x14ac:dyDescent="0.2">
      <c r="A23" s="196" t="s">
        <v>104</v>
      </c>
      <c r="B23" s="232">
        <v>3216</v>
      </c>
      <c r="C23" s="193">
        <v>0</v>
      </c>
      <c r="D23" s="191">
        <v>0</v>
      </c>
      <c r="E23" s="191">
        <v>0</v>
      </c>
      <c r="F23" s="193">
        <v>0</v>
      </c>
      <c r="G23" s="190">
        <v>0</v>
      </c>
      <c r="H23" s="192">
        <v>238</v>
      </c>
      <c r="I23" s="194">
        <v>143</v>
      </c>
      <c r="J23" s="191">
        <v>127</v>
      </c>
      <c r="K23" s="218">
        <v>0</v>
      </c>
      <c r="L23" s="217">
        <v>508</v>
      </c>
      <c r="M23" s="220">
        <v>0</v>
      </c>
      <c r="N23" s="191">
        <v>0</v>
      </c>
      <c r="O23" s="218">
        <v>0</v>
      </c>
      <c r="P23" s="218">
        <v>0</v>
      </c>
      <c r="Q23" s="219">
        <v>0</v>
      </c>
      <c r="R23" s="217">
        <v>0</v>
      </c>
      <c r="S23" s="216">
        <v>0</v>
      </c>
      <c r="T23" s="193">
        <v>338</v>
      </c>
      <c r="U23" s="192">
        <v>875</v>
      </c>
      <c r="V23" s="218">
        <v>0</v>
      </c>
      <c r="W23" s="218">
        <v>0</v>
      </c>
      <c r="X23" s="218">
        <v>0</v>
      </c>
      <c r="Y23" s="190">
        <v>875</v>
      </c>
      <c r="Z23" s="216">
        <v>1495</v>
      </c>
    </row>
    <row r="24" spans="1:26" ht="19.5" customHeight="1" x14ac:dyDescent="0.15">
      <c r="A24" s="215" t="s">
        <v>103</v>
      </c>
      <c r="B24" s="214">
        <v>9219</v>
      </c>
      <c r="C24" s="209">
        <v>142</v>
      </c>
      <c r="D24" s="211">
        <v>231</v>
      </c>
      <c r="E24" s="211">
        <v>322</v>
      </c>
      <c r="F24" s="209">
        <v>0</v>
      </c>
      <c r="G24" s="213">
        <v>695</v>
      </c>
      <c r="H24" s="208">
        <v>361</v>
      </c>
      <c r="I24" s="223">
        <v>202</v>
      </c>
      <c r="J24" s="235">
        <v>189</v>
      </c>
      <c r="K24" s="207">
        <v>0</v>
      </c>
      <c r="L24" s="206">
        <v>752</v>
      </c>
      <c r="M24" s="212">
        <v>1170</v>
      </c>
      <c r="N24" s="211">
        <v>1351</v>
      </c>
      <c r="O24" s="207">
        <v>3</v>
      </c>
      <c r="P24" s="207">
        <v>1718</v>
      </c>
      <c r="Q24" s="210">
        <v>0</v>
      </c>
      <c r="R24" s="206">
        <v>4242</v>
      </c>
      <c r="S24" s="205">
        <v>697</v>
      </c>
      <c r="T24" s="209">
        <v>549</v>
      </c>
      <c r="U24" s="208">
        <v>1809</v>
      </c>
      <c r="V24" s="207">
        <v>0</v>
      </c>
      <c r="W24" s="207">
        <v>172</v>
      </c>
      <c r="X24" s="207">
        <v>0</v>
      </c>
      <c r="Y24" s="213">
        <v>1981</v>
      </c>
      <c r="Z24" s="205">
        <v>303</v>
      </c>
    </row>
    <row r="25" spans="1:26" ht="19.5" customHeight="1" x14ac:dyDescent="0.15">
      <c r="A25" s="204" t="s">
        <v>102</v>
      </c>
      <c r="B25" s="234">
        <v>7619</v>
      </c>
      <c r="C25" s="201">
        <v>138</v>
      </c>
      <c r="D25" s="199">
        <v>230</v>
      </c>
      <c r="E25" s="199">
        <v>165</v>
      </c>
      <c r="F25" s="201">
        <v>0</v>
      </c>
      <c r="G25" s="198">
        <v>533</v>
      </c>
      <c r="H25" s="200">
        <v>243</v>
      </c>
      <c r="I25" s="202">
        <v>177</v>
      </c>
      <c r="J25" s="199">
        <v>286</v>
      </c>
      <c r="K25" s="199">
        <v>0</v>
      </c>
      <c r="L25" s="198">
        <v>706</v>
      </c>
      <c r="M25" s="200">
        <v>871</v>
      </c>
      <c r="N25" s="199">
        <v>1104</v>
      </c>
      <c r="O25" s="199">
        <v>13</v>
      </c>
      <c r="P25" s="199">
        <v>794</v>
      </c>
      <c r="Q25" s="202">
        <v>0</v>
      </c>
      <c r="R25" s="198">
        <v>2782</v>
      </c>
      <c r="S25" s="197">
        <v>587</v>
      </c>
      <c r="T25" s="201">
        <v>578</v>
      </c>
      <c r="U25" s="200">
        <v>1241</v>
      </c>
      <c r="V25" s="199">
        <v>0</v>
      </c>
      <c r="W25" s="199">
        <v>9</v>
      </c>
      <c r="X25" s="199">
        <v>0</v>
      </c>
      <c r="Y25" s="213">
        <v>1250</v>
      </c>
      <c r="Z25" s="197">
        <v>1183</v>
      </c>
    </row>
    <row r="26" spans="1:26" ht="19.5" customHeight="1" x14ac:dyDescent="0.15">
      <c r="A26" s="204" t="s">
        <v>101</v>
      </c>
      <c r="B26" s="234">
        <v>2582</v>
      </c>
      <c r="C26" s="201">
        <v>79</v>
      </c>
      <c r="D26" s="199">
        <v>8</v>
      </c>
      <c r="E26" s="199">
        <v>144</v>
      </c>
      <c r="F26" s="201">
        <v>0</v>
      </c>
      <c r="G26" s="198">
        <v>231</v>
      </c>
      <c r="H26" s="200">
        <v>108</v>
      </c>
      <c r="I26" s="202">
        <v>61</v>
      </c>
      <c r="J26" s="199">
        <v>39</v>
      </c>
      <c r="K26" s="199">
        <v>0</v>
      </c>
      <c r="L26" s="198">
        <v>208</v>
      </c>
      <c r="M26" s="200">
        <v>698</v>
      </c>
      <c r="N26" s="199">
        <v>376</v>
      </c>
      <c r="O26" s="199">
        <v>7</v>
      </c>
      <c r="P26" s="199">
        <v>294</v>
      </c>
      <c r="Q26" s="202">
        <v>0</v>
      </c>
      <c r="R26" s="198">
        <v>1375</v>
      </c>
      <c r="S26" s="197">
        <v>10</v>
      </c>
      <c r="T26" s="201">
        <v>148</v>
      </c>
      <c r="U26" s="200">
        <v>447</v>
      </c>
      <c r="V26" s="199">
        <v>0</v>
      </c>
      <c r="W26" s="199">
        <v>0</v>
      </c>
      <c r="X26" s="199">
        <v>0</v>
      </c>
      <c r="Y26" s="213">
        <v>447</v>
      </c>
      <c r="Z26" s="197">
        <v>163</v>
      </c>
    </row>
    <row r="27" spans="1:26" ht="19.5" customHeight="1" thickBot="1" x14ac:dyDescent="0.2">
      <c r="A27" s="233" t="s">
        <v>100</v>
      </c>
      <c r="B27" s="232">
        <v>5492</v>
      </c>
      <c r="C27" s="231">
        <v>91</v>
      </c>
      <c r="D27" s="218">
        <v>160</v>
      </c>
      <c r="E27" s="218">
        <v>362</v>
      </c>
      <c r="F27" s="231">
        <v>0</v>
      </c>
      <c r="G27" s="217">
        <v>613</v>
      </c>
      <c r="H27" s="220">
        <v>198</v>
      </c>
      <c r="I27" s="219">
        <v>133</v>
      </c>
      <c r="J27" s="191">
        <v>115</v>
      </c>
      <c r="K27" s="191">
        <v>0</v>
      </c>
      <c r="L27" s="190">
        <v>446</v>
      </c>
      <c r="M27" s="192">
        <v>1041</v>
      </c>
      <c r="N27" s="218">
        <v>627</v>
      </c>
      <c r="O27" s="191">
        <v>56</v>
      </c>
      <c r="P27" s="191">
        <v>0</v>
      </c>
      <c r="Q27" s="194">
        <v>0</v>
      </c>
      <c r="R27" s="190">
        <v>1724</v>
      </c>
      <c r="S27" s="189">
        <v>396</v>
      </c>
      <c r="T27" s="231">
        <v>310</v>
      </c>
      <c r="U27" s="192">
        <v>902</v>
      </c>
      <c r="V27" s="191">
        <v>0</v>
      </c>
      <c r="W27" s="191">
        <v>130</v>
      </c>
      <c r="X27" s="191">
        <v>0</v>
      </c>
      <c r="Y27" s="190">
        <v>1032</v>
      </c>
      <c r="Z27" s="189">
        <v>971</v>
      </c>
    </row>
    <row r="28" spans="1:26" ht="19.5" customHeight="1" thickBot="1" x14ac:dyDescent="0.2">
      <c r="A28" s="230" t="s">
        <v>99</v>
      </c>
      <c r="B28" s="184">
        <v>354502</v>
      </c>
      <c r="C28" s="187">
        <v>5997</v>
      </c>
      <c r="D28" s="180">
        <v>9116</v>
      </c>
      <c r="E28" s="180">
        <v>9105</v>
      </c>
      <c r="F28" s="187">
        <v>9397</v>
      </c>
      <c r="G28" s="177">
        <v>33615</v>
      </c>
      <c r="H28" s="179">
        <v>7965</v>
      </c>
      <c r="I28" s="229">
        <v>4987</v>
      </c>
      <c r="J28" s="227">
        <v>5264</v>
      </c>
      <c r="K28" s="187">
        <v>33850</v>
      </c>
      <c r="L28" s="226">
        <v>52066</v>
      </c>
      <c r="M28" s="228">
        <v>28250</v>
      </c>
      <c r="N28" s="178">
        <v>26045</v>
      </c>
      <c r="O28" s="227">
        <v>659</v>
      </c>
      <c r="P28" s="187">
        <v>20566</v>
      </c>
      <c r="Q28" s="227">
        <v>982</v>
      </c>
      <c r="R28" s="226">
        <v>76502</v>
      </c>
      <c r="S28" s="225">
        <v>10493</v>
      </c>
      <c r="T28" s="186">
        <v>34802</v>
      </c>
      <c r="U28" s="179">
        <v>103535</v>
      </c>
      <c r="V28" s="178">
        <v>44</v>
      </c>
      <c r="W28" s="178">
        <v>7405</v>
      </c>
      <c r="X28" s="178">
        <v>0</v>
      </c>
      <c r="Y28" s="213">
        <v>110984</v>
      </c>
      <c r="Z28" s="225">
        <v>36040</v>
      </c>
    </row>
    <row r="29" spans="1:26" ht="19.5" customHeight="1" x14ac:dyDescent="0.15">
      <c r="A29" s="215" t="s">
        <v>98</v>
      </c>
      <c r="B29" s="203">
        <v>1840</v>
      </c>
      <c r="C29" s="209">
        <v>0</v>
      </c>
      <c r="D29" s="211">
        <v>0</v>
      </c>
      <c r="E29" s="211">
        <v>0</v>
      </c>
      <c r="F29" s="209">
        <v>0</v>
      </c>
      <c r="G29" s="213">
        <v>0</v>
      </c>
      <c r="H29" s="208">
        <v>0</v>
      </c>
      <c r="I29" s="223">
        <v>0</v>
      </c>
      <c r="J29" s="207">
        <v>0</v>
      </c>
      <c r="K29" s="207">
        <v>0</v>
      </c>
      <c r="L29" s="206">
        <v>0</v>
      </c>
      <c r="M29" s="212">
        <v>0</v>
      </c>
      <c r="N29" s="211">
        <v>0</v>
      </c>
      <c r="O29" s="207">
        <v>0</v>
      </c>
      <c r="P29" s="207">
        <v>0</v>
      </c>
      <c r="Q29" s="210">
        <v>0</v>
      </c>
      <c r="R29" s="206">
        <v>0</v>
      </c>
      <c r="S29" s="205">
        <v>0</v>
      </c>
      <c r="T29" s="209">
        <v>100</v>
      </c>
      <c r="U29" s="212">
        <v>551</v>
      </c>
      <c r="V29" s="207">
        <v>3</v>
      </c>
      <c r="W29" s="207">
        <v>0</v>
      </c>
      <c r="X29" s="207">
        <v>0</v>
      </c>
      <c r="Y29" s="206">
        <v>554</v>
      </c>
      <c r="Z29" s="205">
        <v>1186</v>
      </c>
    </row>
    <row r="30" spans="1:26" ht="19.5" customHeight="1" x14ac:dyDescent="0.15">
      <c r="A30" s="204" t="s">
        <v>97</v>
      </c>
      <c r="B30" s="203">
        <v>2117</v>
      </c>
      <c r="C30" s="201">
        <v>0</v>
      </c>
      <c r="D30" s="199">
        <v>0</v>
      </c>
      <c r="E30" s="199">
        <v>143</v>
      </c>
      <c r="F30" s="201">
        <v>0</v>
      </c>
      <c r="G30" s="198">
        <v>143</v>
      </c>
      <c r="H30" s="200">
        <v>0</v>
      </c>
      <c r="I30" s="202">
        <v>0</v>
      </c>
      <c r="J30" s="199">
        <v>192</v>
      </c>
      <c r="K30" s="199">
        <v>0</v>
      </c>
      <c r="L30" s="198">
        <v>192</v>
      </c>
      <c r="M30" s="200">
        <v>548</v>
      </c>
      <c r="N30" s="199">
        <v>305</v>
      </c>
      <c r="O30" s="199">
        <v>0</v>
      </c>
      <c r="P30" s="199">
        <v>0</v>
      </c>
      <c r="Q30" s="202">
        <v>0</v>
      </c>
      <c r="R30" s="198">
        <v>853</v>
      </c>
      <c r="S30" s="197">
        <v>209</v>
      </c>
      <c r="T30" s="201">
        <v>101</v>
      </c>
      <c r="U30" s="200">
        <v>607</v>
      </c>
      <c r="V30" s="199">
        <v>0</v>
      </c>
      <c r="W30" s="199">
        <v>0</v>
      </c>
      <c r="X30" s="199">
        <v>0</v>
      </c>
      <c r="Y30" s="198">
        <v>607</v>
      </c>
      <c r="Z30" s="197">
        <v>12</v>
      </c>
    </row>
    <row r="31" spans="1:26" ht="19.5" customHeight="1" x14ac:dyDescent="0.15">
      <c r="A31" s="204" t="s">
        <v>96</v>
      </c>
      <c r="B31" s="203">
        <v>1998</v>
      </c>
      <c r="C31" s="201">
        <v>28</v>
      </c>
      <c r="D31" s="199">
        <v>61</v>
      </c>
      <c r="E31" s="199">
        <v>71</v>
      </c>
      <c r="F31" s="201">
        <v>0</v>
      </c>
      <c r="G31" s="198">
        <v>160</v>
      </c>
      <c r="H31" s="200">
        <v>0</v>
      </c>
      <c r="I31" s="202">
        <v>0</v>
      </c>
      <c r="J31" s="199">
        <v>222</v>
      </c>
      <c r="K31" s="199">
        <v>0</v>
      </c>
      <c r="L31" s="198">
        <v>222</v>
      </c>
      <c r="M31" s="200">
        <v>538</v>
      </c>
      <c r="N31" s="199">
        <v>316</v>
      </c>
      <c r="O31" s="199">
        <v>6</v>
      </c>
      <c r="P31" s="199">
        <v>0</v>
      </c>
      <c r="Q31" s="202">
        <v>0</v>
      </c>
      <c r="R31" s="198">
        <v>860</v>
      </c>
      <c r="S31" s="197">
        <v>160</v>
      </c>
      <c r="T31" s="201">
        <v>106</v>
      </c>
      <c r="U31" s="200">
        <v>419</v>
      </c>
      <c r="V31" s="199">
        <v>0</v>
      </c>
      <c r="W31" s="199">
        <v>0</v>
      </c>
      <c r="X31" s="199">
        <v>0</v>
      </c>
      <c r="Y31" s="198">
        <v>419</v>
      </c>
      <c r="Z31" s="197">
        <v>71</v>
      </c>
    </row>
    <row r="32" spans="1:26" ht="19.5" customHeight="1" thickBot="1" x14ac:dyDescent="0.2">
      <c r="A32" s="196" t="s">
        <v>95</v>
      </c>
      <c r="B32" s="221">
        <v>1952</v>
      </c>
      <c r="C32" s="193">
        <v>18</v>
      </c>
      <c r="D32" s="191">
        <v>39</v>
      </c>
      <c r="E32" s="191">
        <v>77</v>
      </c>
      <c r="F32" s="193">
        <v>0</v>
      </c>
      <c r="G32" s="224">
        <v>134</v>
      </c>
      <c r="H32" s="192">
        <v>79</v>
      </c>
      <c r="I32" s="194">
        <v>50</v>
      </c>
      <c r="J32" s="191">
        <v>44</v>
      </c>
      <c r="K32" s="191">
        <v>0</v>
      </c>
      <c r="L32" s="224">
        <v>173</v>
      </c>
      <c r="M32" s="192">
        <v>630</v>
      </c>
      <c r="N32" s="191">
        <v>280</v>
      </c>
      <c r="O32" s="191">
        <v>15</v>
      </c>
      <c r="P32" s="191">
        <v>0</v>
      </c>
      <c r="Q32" s="194">
        <v>0</v>
      </c>
      <c r="R32" s="224">
        <v>925</v>
      </c>
      <c r="S32" s="189">
        <v>115</v>
      </c>
      <c r="T32" s="193">
        <v>94</v>
      </c>
      <c r="U32" s="192">
        <v>380</v>
      </c>
      <c r="V32" s="191">
        <v>0</v>
      </c>
      <c r="W32" s="191">
        <v>0</v>
      </c>
      <c r="X32" s="191">
        <v>0</v>
      </c>
      <c r="Y32" s="224">
        <v>380</v>
      </c>
      <c r="Z32" s="189">
        <v>131</v>
      </c>
    </row>
    <row r="33" spans="1:26" ht="19.5" customHeight="1" x14ac:dyDescent="0.15">
      <c r="A33" s="215" t="s">
        <v>94</v>
      </c>
      <c r="B33" s="214">
        <v>383</v>
      </c>
      <c r="C33" s="209">
        <v>8</v>
      </c>
      <c r="D33" s="211">
        <v>14</v>
      </c>
      <c r="E33" s="211">
        <v>0</v>
      </c>
      <c r="F33" s="209">
        <v>0</v>
      </c>
      <c r="G33" s="213">
        <v>22</v>
      </c>
      <c r="H33" s="208">
        <v>22</v>
      </c>
      <c r="I33" s="223">
        <v>16</v>
      </c>
      <c r="J33" s="211">
        <v>9</v>
      </c>
      <c r="K33" s="211">
        <v>0</v>
      </c>
      <c r="L33" s="213">
        <v>47</v>
      </c>
      <c r="M33" s="208">
        <v>98</v>
      </c>
      <c r="N33" s="211">
        <v>65</v>
      </c>
      <c r="O33" s="211">
        <v>2</v>
      </c>
      <c r="P33" s="211">
        <v>15</v>
      </c>
      <c r="Q33" s="223">
        <v>0</v>
      </c>
      <c r="R33" s="213">
        <v>180</v>
      </c>
      <c r="S33" s="222">
        <v>32</v>
      </c>
      <c r="T33" s="209">
        <v>26</v>
      </c>
      <c r="U33" s="208">
        <v>65</v>
      </c>
      <c r="V33" s="211">
        <v>0</v>
      </c>
      <c r="W33" s="211">
        <v>0</v>
      </c>
      <c r="X33" s="211">
        <v>0</v>
      </c>
      <c r="Y33" s="213">
        <v>65</v>
      </c>
      <c r="Z33" s="222">
        <v>11</v>
      </c>
    </row>
    <row r="34" spans="1:26" ht="19.5" customHeight="1" x14ac:dyDescent="0.15">
      <c r="A34" s="204" t="s">
        <v>93</v>
      </c>
      <c r="B34" s="203">
        <v>898</v>
      </c>
      <c r="C34" s="201">
        <v>15</v>
      </c>
      <c r="D34" s="199">
        <v>27</v>
      </c>
      <c r="E34" s="199">
        <v>0</v>
      </c>
      <c r="F34" s="201">
        <v>0</v>
      </c>
      <c r="G34" s="198">
        <v>42</v>
      </c>
      <c r="H34" s="200">
        <v>41</v>
      </c>
      <c r="I34" s="202">
        <v>33</v>
      </c>
      <c r="J34" s="199">
        <v>20</v>
      </c>
      <c r="K34" s="199">
        <v>0</v>
      </c>
      <c r="L34" s="198">
        <v>94</v>
      </c>
      <c r="M34" s="200">
        <v>243</v>
      </c>
      <c r="N34" s="199">
        <v>133</v>
      </c>
      <c r="O34" s="199">
        <v>3</v>
      </c>
      <c r="P34" s="199">
        <v>62</v>
      </c>
      <c r="Q34" s="202">
        <v>0</v>
      </c>
      <c r="R34" s="198">
        <v>441</v>
      </c>
      <c r="S34" s="197">
        <v>41</v>
      </c>
      <c r="T34" s="201">
        <v>61</v>
      </c>
      <c r="U34" s="200">
        <v>143</v>
      </c>
      <c r="V34" s="199">
        <v>0</v>
      </c>
      <c r="W34" s="199">
        <v>0</v>
      </c>
      <c r="X34" s="199">
        <v>0</v>
      </c>
      <c r="Y34" s="198">
        <v>143</v>
      </c>
      <c r="Z34" s="197">
        <v>76</v>
      </c>
    </row>
    <row r="35" spans="1:26" ht="19.5" customHeight="1" x14ac:dyDescent="0.15">
      <c r="A35" s="204" t="s">
        <v>92</v>
      </c>
      <c r="B35" s="203">
        <v>607</v>
      </c>
      <c r="C35" s="201">
        <v>11</v>
      </c>
      <c r="D35" s="199">
        <v>19</v>
      </c>
      <c r="E35" s="199">
        <v>0</v>
      </c>
      <c r="F35" s="201">
        <v>0</v>
      </c>
      <c r="G35" s="198">
        <v>30</v>
      </c>
      <c r="H35" s="200">
        <v>29</v>
      </c>
      <c r="I35" s="202">
        <v>24</v>
      </c>
      <c r="J35" s="199">
        <v>14</v>
      </c>
      <c r="K35" s="199">
        <v>0</v>
      </c>
      <c r="L35" s="198">
        <v>67</v>
      </c>
      <c r="M35" s="200">
        <v>277</v>
      </c>
      <c r="N35" s="199">
        <v>79</v>
      </c>
      <c r="O35" s="199">
        <v>0</v>
      </c>
      <c r="P35" s="199">
        <v>0</v>
      </c>
      <c r="Q35" s="202">
        <v>0</v>
      </c>
      <c r="R35" s="198">
        <v>356</v>
      </c>
      <c r="S35" s="197">
        <v>40</v>
      </c>
      <c r="T35" s="201">
        <v>38</v>
      </c>
      <c r="U35" s="200">
        <v>76</v>
      </c>
      <c r="V35" s="199">
        <v>0</v>
      </c>
      <c r="W35" s="199">
        <v>0</v>
      </c>
      <c r="X35" s="199">
        <v>0</v>
      </c>
      <c r="Y35" s="198">
        <v>76</v>
      </c>
      <c r="Z35" s="197">
        <v>0</v>
      </c>
    </row>
    <row r="36" spans="1:26" ht="19.5" customHeight="1" x14ac:dyDescent="0.15">
      <c r="A36" s="204" t="s">
        <v>91</v>
      </c>
      <c r="B36" s="203">
        <v>511</v>
      </c>
      <c r="C36" s="201">
        <v>16</v>
      </c>
      <c r="D36" s="199">
        <v>14</v>
      </c>
      <c r="E36" s="199">
        <v>46</v>
      </c>
      <c r="F36" s="201">
        <v>0</v>
      </c>
      <c r="G36" s="198">
        <v>76</v>
      </c>
      <c r="H36" s="200">
        <v>22</v>
      </c>
      <c r="I36" s="202">
        <v>20</v>
      </c>
      <c r="J36" s="199">
        <v>11</v>
      </c>
      <c r="K36" s="199">
        <v>0</v>
      </c>
      <c r="L36" s="198">
        <v>53</v>
      </c>
      <c r="M36" s="200">
        <v>148</v>
      </c>
      <c r="N36" s="199">
        <v>82</v>
      </c>
      <c r="O36" s="199">
        <v>2</v>
      </c>
      <c r="P36" s="199">
        <v>24</v>
      </c>
      <c r="Q36" s="202">
        <v>0</v>
      </c>
      <c r="R36" s="198">
        <v>256</v>
      </c>
      <c r="S36" s="197">
        <v>21</v>
      </c>
      <c r="T36" s="201">
        <v>35</v>
      </c>
      <c r="U36" s="200">
        <v>64</v>
      </c>
      <c r="V36" s="199">
        <v>6</v>
      </c>
      <c r="W36" s="199">
        <v>0</v>
      </c>
      <c r="X36" s="199">
        <v>0</v>
      </c>
      <c r="Y36" s="198">
        <v>70</v>
      </c>
      <c r="Z36" s="197">
        <v>0</v>
      </c>
    </row>
    <row r="37" spans="1:26" ht="19.5" customHeight="1" thickBot="1" x14ac:dyDescent="0.2">
      <c r="A37" s="196" t="s">
        <v>90</v>
      </c>
      <c r="B37" s="221">
        <v>1162</v>
      </c>
      <c r="C37" s="193">
        <v>17</v>
      </c>
      <c r="D37" s="191">
        <v>18</v>
      </c>
      <c r="E37" s="191">
        <v>38</v>
      </c>
      <c r="F37" s="193">
        <v>0</v>
      </c>
      <c r="G37" s="190">
        <v>73</v>
      </c>
      <c r="H37" s="220">
        <v>45</v>
      </c>
      <c r="I37" s="219">
        <v>26</v>
      </c>
      <c r="J37" s="218">
        <v>17</v>
      </c>
      <c r="K37" s="218">
        <v>0</v>
      </c>
      <c r="L37" s="217">
        <v>88</v>
      </c>
      <c r="M37" s="220">
        <v>285</v>
      </c>
      <c r="N37" s="191">
        <v>154</v>
      </c>
      <c r="O37" s="218">
        <v>5</v>
      </c>
      <c r="P37" s="218">
        <v>48</v>
      </c>
      <c r="Q37" s="219">
        <v>0</v>
      </c>
      <c r="R37" s="217">
        <v>492</v>
      </c>
      <c r="S37" s="216">
        <v>52</v>
      </c>
      <c r="T37" s="193">
        <v>51</v>
      </c>
      <c r="U37" s="192">
        <v>140</v>
      </c>
      <c r="V37" s="218">
        <v>0</v>
      </c>
      <c r="W37" s="218">
        <v>0</v>
      </c>
      <c r="X37" s="218">
        <v>0</v>
      </c>
      <c r="Y37" s="217">
        <v>140</v>
      </c>
      <c r="Z37" s="216">
        <v>266</v>
      </c>
    </row>
    <row r="38" spans="1:26" ht="19.5" customHeight="1" x14ac:dyDescent="0.15">
      <c r="A38" s="215" t="s">
        <v>89</v>
      </c>
      <c r="B38" s="214">
        <v>1296</v>
      </c>
      <c r="C38" s="209">
        <v>213</v>
      </c>
      <c r="D38" s="211">
        <v>56</v>
      </c>
      <c r="E38" s="211">
        <v>0</v>
      </c>
      <c r="F38" s="209">
        <v>0</v>
      </c>
      <c r="G38" s="213">
        <v>269</v>
      </c>
      <c r="H38" s="212">
        <v>174</v>
      </c>
      <c r="I38" s="210">
        <v>233</v>
      </c>
      <c r="J38" s="207">
        <v>253</v>
      </c>
      <c r="K38" s="207">
        <v>0</v>
      </c>
      <c r="L38" s="206">
        <v>660</v>
      </c>
      <c r="M38" s="212">
        <v>96</v>
      </c>
      <c r="N38" s="211">
        <v>109</v>
      </c>
      <c r="O38" s="207">
        <v>1</v>
      </c>
      <c r="P38" s="207">
        <v>43</v>
      </c>
      <c r="Q38" s="210">
        <v>0</v>
      </c>
      <c r="R38" s="206">
        <v>249</v>
      </c>
      <c r="S38" s="205">
        <v>10</v>
      </c>
      <c r="T38" s="209">
        <v>45</v>
      </c>
      <c r="U38" s="208">
        <v>52</v>
      </c>
      <c r="V38" s="207">
        <v>0</v>
      </c>
      <c r="W38" s="207">
        <v>0</v>
      </c>
      <c r="X38" s="207">
        <v>0</v>
      </c>
      <c r="Y38" s="206">
        <v>52</v>
      </c>
      <c r="Z38" s="205">
        <v>11</v>
      </c>
    </row>
    <row r="39" spans="1:26" ht="19.5" customHeight="1" x14ac:dyDescent="0.15">
      <c r="A39" s="204" t="s">
        <v>88</v>
      </c>
      <c r="B39" s="203">
        <v>246</v>
      </c>
      <c r="C39" s="201">
        <v>10</v>
      </c>
      <c r="D39" s="199">
        <v>13</v>
      </c>
      <c r="E39" s="199">
        <v>0</v>
      </c>
      <c r="F39" s="201">
        <v>0</v>
      </c>
      <c r="G39" s="198">
        <v>23</v>
      </c>
      <c r="H39" s="200">
        <v>18</v>
      </c>
      <c r="I39" s="202">
        <v>15</v>
      </c>
      <c r="J39" s="199">
        <v>16</v>
      </c>
      <c r="K39" s="199">
        <v>0</v>
      </c>
      <c r="L39" s="198">
        <v>49</v>
      </c>
      <c r="M39" s="200">
        <v>97</v>
      </c>
      <c r="N39" s="199">
        <v>53</v>
      </c>
      <c r="O39" s="199">
        <v>0</v>
      </c>
      <c r="P39" s="199">
        <v>0</v>
      </c>
      <c r="Q39" s="202">
        <v>0</v>
      </c>
      <c r="R39" s="198">
        <v>150</v>
      </c>
      <c r="S39" s="197">
        <v>0</v>
      </c>
      <c r="T39" s="201">
        <v>24</v>
      </c>
      <c r="U39" s="200">
        <v>0</v>
      </c>
      <c r="V39" s="199">
        <v>0</v>
      </c>
      <c r="W39" s="199">
        <v>0</v>
      </c>
      <c r="X39" s="199">
        <v>0</v>
      </c>
      <c r="Y39" s="198">
        <v>0</v>
      </c>
      <c r="Z39" s="197">
        <v>0</v>
      </c>
    </row>
    <row r="40" spans="1:26" ht="19.5" customHeight="1" x14ac:dyDescent="0.15">
      <c r="A40" s="204" t="s">
        <v>87</v>
      </c>
      <c r="B40" s="203">
        <v>938</v>
      </c>
      <c r="C40" s="201">
        <v>26</v>
      </c>
      <c r="D40" s="199">
        <v>35</v>
      </c>
      <c r="E40" s="199">
        <v>0</v>
      </c>
      <c r="F40" s="201">
        <v>0</v>
      </c>
      <c r="G40" s="198">
        <v>61</v>
      </c>
      <c r="H40" s="200">
        <v>126</v>
      </c>
      <c r="I40" s="202">
        <v>90</v>
      </c>
      <c r="J40" s="199">
        <v>106</v>
      </c>
      <c r="K40" s="199">
        <v>0</v>
      </c>
      <c r="L40" s="198">
        <v>322</v>
      </c>
      <c r="M40" s="200">
        <v>304</v>
      </c>
      <c r="N40" s="199">
        <v>173</v>
      </c>
      <c r="O40" s="199">
        <v>1</v>
      </c>
      <c r="P40" s="199">
        <v>0</v>
      </c>
      <c r="Q40" s="202">
        <v>0</v>
      </c>
      <c r="R40" s="198">
        <v>478</v>
      </c>
      <c r="S40" s="197">
        <v>1</v>
      </c>
      <c r="T40" s="201">
        <v>71</v>
      </c>
      <c r="U40" s="200">
        <v>0</v>
      </c>
      <c r="V40" s="199">
        <v>0</v>
      </c>
      <c r="W40" s="199">
        <v>2</v>
      </c>
      <c r="X40" s="199">
        <v>0</v>
      </c>
      <c r="Y40" s="198">
        <v>2</v>
      </c>
      <c r="Z40" s="197">
        <v>3</v>
      </c>
    </row>
    <row r="41" spans="1:26" ht="19.5" customHeight="1" x14ac:dyDescent="0.15">
      <c r="A41" s="204" t="s">
        <v>86</v>
      </c>
      <c r="B41" s="203">
        <v>2400</v>
      </c>
      <c r="C41" s="201">
        <v>43</v>
      </c>
      <c r="D41" s="199">
        <v>83</v>
      </c>
      <c r="E41" s="199">
        <v>0</v>
      </c>
      <c r="F41" s="201">
        <v>0</v>
      </c>
      <c r="G41" s="198">
        <v>126</v>
      </c>
      <c r="H41" s="200">
        <v>83</v>
      </c>
      <c r="I41" s="202">
        <v>71</v>
      </c>
      <c r="J41" s="199">
        <v>31</v>
      </c>
      <c r="K41" s="199">
        <v>0</v>
      </c>
      <c r="L41" s="198">
        <v>185</v>
      </c>
      <c r="M41" s="200">
        <v>360</v>
      </c>
      <c r="N41" s="199">
        <v>239</v>
      </c>
      <c r="O41" s="199">
        <v>9</v>
      </c>
      <c r="P41" s="199">
        <v>28</v>
      </c>
      <c r="Q41" s="202">
        <v>0</v>
      </c>
      <c r="R41" s="198">
        <v>636</v>
      </c>
      <c r="S41" s="197">
        <v>194</v>
      </c>
      <c r="T41" s="201">
        <v>175</v>
      </c>
      <c r="U41" s="200">
        <v>358</v>
      </c>
      <c r="V41" s="199">
        <v>0</v>
      </c>
      <c r="W41" s="199">
        <v>6</v>
      </c>
      <c r="X41" s="199">
        <v>0</v>
      </c>
      <c r="Y41" s="198">
        <v>364</v>
      </c>
      <c r="Z41" s="197">
        <v>720</v>
      </c>
    </row>
    <row r="42" spans="1:26" ht="19.5" customHeight="1" thickBot="1" x14ac:dyDescent="0.2">
      <c r="A42" s="196" t="s">
        <v>85</v>
      </c>
      <c r="B42" s="195">
        <v>225</v>
      </c>
      <c r="C42" s="193">
        <v>11</v>
      </c>
      <c r="D42" s="191">
        <v>0</v>
      </c>
      <c r="E42" s="191">
        <v>2</v>
      </c>
      <c r="F42" s="193">
        <v>0</v>
      </c>
      <c r="G42" s="190">
        <v>13</v>
      </c>
      <c r="H42" s="192">
        <v>10</v>
      </c>
      <c r="I42" s="194">
        <v>7</v>
      </c>
      <c r="J42" s="191">
        <v>4</v>
      </c>
      <c r="K42" s="191">
        <v>0</v>
      </c>
      <c r="L42" s="190">
        <v>21</v>
      </c>
      <c r="M42" s="192">
        <v>50</v>
      </c>
      <c r="N42" s="191">
        <v>38</v>
      </c>
      <c r="O42" s="191">
        <v>1</v>
      </c>
      <c r="P42" s="191">
        <v>0</v>
      </c>
      <c r="Q42" s="194">
        <v>0</v>
      </c>
      <c r="R42" s="190">
        <v>89</v>
      </c>
      <c r="S42" s="189">
        <v>7</v>
      </c>
      <c r="T42" s="193">
        <v>10</v>
      </c>
      <c r="U42" s="192">
        <v>27</v>
      </c>
      <c r="V42" s="191">
        <v>0</v>
      </c>
      <c r="W42" s="191">
        <v>0</v>
      </c>
      <c r="X42" s="191">
        <v>0</v>
      </c>
      <c r="Y42" s="190">
        <v>27</v>
      </c>
      <c r="Z42" s="189">
        <v>58</v>
      </c>
    </row>
    <row r="43" spans="1:26" ht="19.5" customHeight="1" thickBot="1" x14ac:dyDescent="0.2">
      <c r="A43" s="188" t="s">
        <v>84</v>
      </c>
      <c r="B43" s="184">
        <v>16573</v>
      </c>
      <c r="C43" s="187">
        <v>416</v>
      </c>
      <c r="D43" s="180">
        <v>379</v>
      </c>
      <c r="E43" s="178">
        <v>377</v>
      </c>
      <c r="F43" s="186">
        <v>0</v>
      </c>
      <c r="G43" s="177">
        <v>1172</v>
      </c>
      <c r="H43" s="182">
        <v>649</v>
      </c>
      <c r="I43" s="181">
        <v>585</v>
      </c>
      <c r="J43" s="180">
        <v>939</v>
      </c>
      <c r="K43" s="186">
        <v>0</v>
      </c>
      <c r="L43" s="177">
        <v>2173</v>
      </c>
      <c r="M43" s="179">
        <v>3674</v>
      </c>
      <c r="N43" s="178">
        <v>2026</v>
      </c>
      <c r="O43" s="178">
        <v>45</v>
      </c>
      <c r="P43" s="186">
        <v>220</v>
      </c>
      <c r="Q43" s="178">
        <v>0</v>
      </c>
      <c r="R43" s="177">
        <v>5965</v>
      </c>
      <c r="S43" s="172">
        <v>882</v>
      </c>
      <c r="T43" s="186">
        <v>937</v>
      </c>
      <c r="U43" s="179">
        <v>2882</v>
      </c>
      <c r="V43" s="178">
        <v>9</v>
      </c>
      <c r="W43" s="178">
        <v>8</v>
      </c>
      <c r="X43" s="178">
        <v>0</v>
      </c>
      <c r="Y43" s="177">
        <v>2899</v>
      </c>
      <c r="Z43" s="172">
        <v>2545</v>
      </c>
    </row>
    <row r="44" spans="1:26" ht="19.5" customHeight="1" thickBot="1" x14ac:dyDescent="0.2">
      <c r="A44" s="185" t="s">
        <v>83</v>
      </c>
      <c r="B44" s="184">
        <v>371075</v>
      </c>
      <c r="C44" s="183">
        <v>6413</v>
      </c>
      <c r="D44" s="180">
        <v>9495</v>
      </c>
      <c r="E44" s="178">
        <v>9482</v>
      </c>
      <c r="F44" s="176">
        <v>9397</v>
      </c>
      <c r="G44" s="173">
        <v>34787</v>
      </c>
      <c r="H44" s="182">
        <v>8614</v>
      </c>
      <c r="I44" s="181">
        <v>5572</v>
      </c>
      <c r="J44" s="180">
        <v>6203</v>
      </c>
      <c r="K44" s="176">
        <v>33850</v>
      </c>
      <c r="L44" s="177">
        <v>54239</v>
      </c>
      <c r="M44" s="179">
        <v>31924</v>
      </c>
      <c r="N44" s="178">
        <v>28071</v>
      </c>
      <c r="O44" s="178">
        <v>704</v>
      </c>
      <c r="P44" s="176">
        <v>20786</v>
      </c>
      <c r="Q44" s="178">
        <v>982</v>
      </c>
      <c r="R44" s="177">
        <v>82467</v>
      </c>
      <c r="S44" s="172">
        <v>11375</v>
      </c>
      <c r="T44" s="176">
        <v>35739</v>
      </c>
      <c r="U44" s="175">
        <v>106417</v>
      </c>
      <c r="V44" s="174">
        <v>53</v>
      </c>
      <c r="W44" s="174">
        <v>7413</v>
      </c>
      <c r="X44" s="174">
        <v>0</v>
      </c>
      <c r="Y44" s="173">
        <v>113883</v>
      </c>
      <c r="Z44" s="172">
        <v>38585</v>
      </c>
    </row>
    <row r="45" spans="1:26" s="170" customFormat="1" ht="14.25" customHeight="1" x14ac:dyDescent="0.15">
      <c r="A45" s="171" t="s">
        <v>262</v>
      </c>
    </row>
    <row r="46" spans="1:26" s="169" customFormat="1" ht="14.25" customHeight="1" x14ac:dyDescent="0.15">
      <c r="A46" s="168" t="s">
        <v>263</v>
      </c>
    </row>
    <row r="47" spans="1:26" ht="14.25" customHeight="1" x14ac:dyDescent="0.15">
      <c r="A47" s="168"/>
      <c r="B47" s="164"/>
    </row>
    <row r="61" spans="1:2" ht="16.5" customHeight="1" x14ac:dyDescent="0.15">
      <c r="A61" s="167"/>
      <c r="B61" s="164"/>
    </row>
  </sheetData>
  <mergeCells count="12">
    <mergeCell ref="B5:B7"/>
    <mergeCell ref="S6:S7"/>
    <mergeCell ref="J6:J8"/>
    <mergeCell ref="U6:U8"/>
    <mergeCell ref="E4:X4"/>
    <mergeCell ref="Z6:Z7"/>
    <mergeCell ref="C5:G5"/>
    <mergeCell ref="H5:L5"/>
    <mergeCell ref="M5:R5"/>
    <mergeCell ref="U5:Y5"/>
    <mergeCell ref="V6:V8"/>
    <mergeCell ref="W6:W8"/>
  </mergeCells>
  <phoneticPr fontId="3"/>
  <conditionalFormatting sqref="B9:Z44">
    <cfRule type="cellIs" dxfId="24" priority="1" stopIfTrue="1" operator="equal">
      <formula>0</formula>
    </cfRule>
  </conditionalFormatting>
  <pageMargins left="0.59055118110236227" right="0.59055118110236227" top="0.78740157480314965" bottom="0.78740157480314965" header="0.51181102362204722" footer="0.39370078740157483"/>
  <pageSetup paperSize="9" scale="90" fitToWidth="2" orientation="portrait" r:id="rId1"/>
  <headerFooter alignWithMargins="0"/>
  <colBreaks count="1" manualBreakCount="1">
    <brk id="13" max="46"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W58"/>
  <sheetViews>
    <sheetView zoomScaleNormal="100" zoomScaleSheetLayoutView="85" workbookViewId="0">
      <pane xSplit="1" ySplit="8" topLeftCell="B9" activePane="bottomRight" state="frozen"/>
      <selection activeCell="Q32" sqref="Q32"/>
      <selection pane="topRight" activeCell="Q32" sqref="Q32"/>
      <selection pane="bottomLeft" activeCell="Q32" sqref="Q32"/>
      <selection pane="bottomRight" activeCell="K24" sqref="K24"/>
    </sheetView>
  </sheetViews>
  <sheetFormatPr defaultColWidth="9" defaultRowHeight="16.5" customHeight="1" x14ac:dyDescent="0.15"/>
  <cols>
    <col min="1" max="1" width="12.875" style="81" customWidth="1"/>
    <col min="2" max="2" width="10.625" style="80" customWidth="1"/>
    <col min="3" max="3" width="4.875" style="289" customWidth="1"/>
    <col min="4" max="4" width="8.625" style="287" customWidth="1"/>
    <col min="5" max="5" width="4.875" style="288" customWidth="1"/>
    <col min="6" max="6" width="10.625" style="287" customWidth="1"/>
    <col min="7" max="7" width="9.625" style="287" customWidth="1"/>
    <col min="8" max="8" width="4.875" style="288" customWidth="1"/>
    <col min="9" max="9" width="8.625" style="287" customWidth="1"/>
    <col min="10" max="10" width="4.875" style="288" customWidth="1"/>
    <col min="11" max="11" width="8.625" style="287" customWidth="1"/>
    <col min="12" max="12" width="4.875" style="288" customWidth="1"/>
    <col min="13" max="13" width="9.625" style="287" customWidth="1"/>
    <col min="14" max="14" width="4.875" style="288" customWidth="1"/>
    <col min="15" max="17" width="10.625" style="287" customWidth="1"/>
    <col min="18" max="18" width="8.625" style="287" customWidth="1"/>
    <col min="19" max="19" width="3.875" style="287" customWidth="1"/>
    <col min="20" max="23" width="8.625" style="287" customWidth="1"/>
    <col min="24" max="16384" width="9" style="287"/>
  </cols>
  <sheetData>
    <row r="1" spans="1:23" ht="16.5" customHeight="1" x14ac:dyDescent="0.15">
      <c r="A1" s="429" t="s">
        <v>182</v>
      </c>
      <c r="B1" s="429"/>
      <c r="C1" s="430"/>
      <c r="D1" s="429"/>
      <c r="E1" s="428"/>
      <c r="N1" s="427"/>
    </row>
    <row r="2" spans="1:23" ht="9" customHeight="1" x14ac:dyDescent="0.15">
      <c r="A2" s="425"/>
      <c r="B2" s="425"/>
      <c r="C2" s="426"/>
      <c r="D2" s="425"/>
      <c r="E2" s="424"/>
      <c r="I2" s="162"/>
      <c r="J2" s="423"/>
      <c r="K2" s="162"/>
      <c r="L2" s="423"/>
    </row>
    <row r="3" spans="1:23" s="142" customFormat="1" ht="16.5" customHeight="1" thickBot="1" x14ac:dyDescent="0.2">
      <c r="A3" s="422" t="s">
        <v>181</v>
      </c>
      <c r="B3" s="421"/>
      <c r="C3" s="420"/>
      <c r="D3" s="419"/>
      <c r="E3" s="418"/>
      <c r="H3" s="418"/>
      <c r="J3" s="418"/>
      <c r="L3" s="418"/>
      <c r="N3" s="418"/>
      <c r="R3" s="417" t="s">
        <v>179</v>
      </c>
      <c r="T3" s="142" t="s">
        <v>180</v>
      </c>
      <c r="V3" s="141"/>
      <c r="W3" s="417" t="s">
        <v>179</v>
      </c>
    </row>
    <row r="4" spans="1:23" s="80" customFormat="1" ht="15.75" customHeight="1" thickBot="1" x14ac:dyDescent="0.2">
      <c r="A4" s="157"/>
      <c r="B4" s="1721" t="s">
        <v>252</v>
      </c>
      <c r="C4" s="1722"/>
      <c r="D4" s="1722"/>
      <c r="E4" s="1722"/>
      <c r="F4" s="1723"/>
      <c r="G4" s="1724" t="s">
        <v>259</v>
      </c>
      <c r="H4" s="1725"/>
      <c r="I4" s="1725"/>
      <c r="J4" s="1725"/>
      <c r="K4" s="1725"/>
      <c r="L4" s="1725"/>
      <c r="M4" s="1725"/>
      <c r="N4" s="1725"/>
      <c r="O4" s="1726"/>
      <c r="P4" s="415"/>
      <c r="Q4" s="416"/>
      <c r="R4" s="415"/>
      <c r="T4" s="414"/>
      <c r="U4" s="413"/>
      <c r="V4" s="413"/>
      <c r="W4" s="412"/>
    </row>
    <row r="5" spans="1:23" s="80" customFormat="1" ht="15.75" customHeight="1" thickBot="1" x14ac:dyDescent="0.2">
      <c r="A5" s="392"/>
      <c r="B5" s="411"/>
      <c r="C5" s="410"/>
      <c r="D5" s="410"/>
      <c r="E5" s="410"/>
      <c r="F5" s="409" t="s">
        <v>77</v>
      </c>
      <c r="G5" s="408"/>
      <c r="H5" s="407"/>
      <c r="I5" s="407"/>
      <c r="J5" s="407"/>
      <c r="K5" s="407"/>
      <c r="L5" s="407"/>
      <c r="M5" s="407"/>
      <c r="N5" s="407"/>
      <c r="O5" s="406" t="s">
        <v>140</v>
      </c>
      <c r="P5" s="404" t="s">
        <v>178</v>
      </c>
      <c r="Q5" s="405" t="s">
        <v>177</v>
      </c>
      <c r="R5" s="404" t="s">
        <v>176</v>
      </c>
      <c r="S5" s="380"/>
      <c r="T5" s="403"/>
      <c r="U5" s="402"/>
      <c r="V5" s="1728" t="s">
        <v>175</v>
      </c>
      <c r="W5" s="1718" t="s">
        <v>174</v>
      </c>
    </row>
    <row r="6" spans="1:23" s="80" customFormat="1" ht="15.75" customHeight="1" x14ac:dyDescent="0.15">
      <c r="A6" s="392" t="s">
        <v>56</v>
      </c>
      <c r="B6" s="401" t="s">
        <v>79</v>
      </c>
      <c r="C6" s="400"/>
      <c r="D6" s="397" t="s">
        <v>78</v>
      </c>
      <c r="E6" s="396"/>
      <c r="F6" s="388" t="s">
        <v>172</v>
      </c>
      <c r="G6" s="399" t="s">
        <v>76</v>
      </c>
      <c r="H6" s="398"/>
      <c r="I6" s="397" t="s">
        <v>75</v>
      </c>
      <c r="J6" s="398"/>
      <c r="K6" s="397" t="s">
        <v>74</v>
      </c>
      <c r="L6" s="396"/>
      <c r="M6" s="395" t="s">
        <v>173</v>
      </c>
      <c r="N6" s="394"/>
      <c r="O6" s="383" t="s">
        <v>172</v>
      </c>
      <c r="P6" s="382" t="s">
        <v>171</v>
      </c>
      <c r="Q6" s="1727" t="s">
        <v>170</v>
      </c>
      <c r="R6" s="381" t="s">
        <v>169</v>
      </c>
      <c r="T6" s="393" t="s">
        <v>155</v>
      </c>
      <c r="U6" s="379" t="s">
        <v>168</v>
      </c>
      <c r="V6" s="1729"/>
      <c r="W6" s="1719"/>
    </row>
    <row r="7" spans="1:23" s="80" customFormat="1" ht="15.75" customHeight="1" x14ac:dyDescent="0.15">
      <c r="A7" s="392"/>
      <c r="B7" s="392" t="s">
        <v>167</v>
      </c>
      <c r="C7" s="391" t="s">
        <v>158</v>
      </c>
      <c r="D7" s="390" t="s">
        <v>166</v>
      </c>
      <c r="E7" s="389" t="s">
        <v>158</v>
      </c>
      <c r="F7" s="388" t="s">
        <v>157</v>
      </c>
      <c r="G7" s="387" t="s">
        <v>165</v>
      </c>
      <c r="H7" s="384" t="s">
        <v>164</v>
      </c>
      <c r="I7" s="386" t="s">
        <v>163</v>
      </c>
      <c r="J7" s="384" t="s">
        <v>162</v>
      </c>
      <c r="K7" s="385" t="s">
        <v>161</v>
      </c>
      <c r="L7" s="384" t="s">
        <v>160</v>
      </c>
      <c r="M7" s="385" t="s">
        <v>159</v>
      </c>
      <c r="N7" s="384" t="s">
        <v>158</v>
      </c>
      <c r="O7" s="383" t="s">
        <v>157</v>
      </c>
      <c r="P7" s="382" t="s">
        <v>43</v>
      </c>
      <c r="Q7" s="1727"/>
      <c r="R7" s="381" t="s">
        <v>156</v>
      </c>
      <c r="T7" s="380"/>
      <c r="U7" s="379" t="s">
        <v>155</v>
      </c>
      <c r="V7" s="1729"/>
      <c r="W7" s="1719"/>
    </row>
    <row r="8" spans="1:23" s="80" customFormat="1" ht="15.75" customHeight="1" thickBot="1" x14ac:dyDescent="0.2">
      <c r="A8" s="144"/>
      <c r="B8" s="144" t="s">
        <v>253</v>
      </c>
      <c r="C8" s="378" t="s">
        <v>261</v>
      </c>
      <c r="D8" s="377" t="s">
        <v>154</v>
      </c>
      <c r="E8" s="376" t="s">
        <v>260</v>
      </c>
      <c r="F8" s="375" t="s">
        <v>153</v>
      </c>
      <c r="G8" s="374"/>
      <c r="H8" s="370" t="s">
        <v>260</v>
      </c>
      <c r="I8" s="373" t="s">
        <v>257</v>
      </c>
      <c r="J8" s="370" t="s">
        <v>260</v>
      </c>
      <c r="K8" s="372"/>
      <c r="L8" s="370" t="s">
        <v>260</v>
      </c>
      <c r="M8" s="371"/>
      <c r="N8" s="370" t="s">
        <v>1</v>
      </c>
      <c r="O8" s="369" t="s">
        <v>151</v>
      </c>
      <c r="P8" s="367"/>
      <c r="Q8" s="368" t="s">
        <v>150</v>
      </c>
      <c r="R8" s="367"/>
      <c r="T8" s="366"/>
      <c r="U8" s="365"/>
      <c r="V8" s="1730"/>
      <c r="W8" s="1720"/>
    </row>
    <row r="9" spans="1:23" ht="19.5" customHeight="1" x14ac:dyDescent="0.15">
      <c r="A9" s="364" t="s">
        <v>37</v>
      </c>
      <c r="B9" s="340">
        <v>865812</v>
      </c>
      <c r="C9" s="363">
        <v>94.907844861038342</v>
      </c>
      <c r="D9" s="340">
        <v>46454</v>
      </c>
      <c r="E9" s="362">
        <v>5.0921551389616626</v>
      </c>
      <c r="F9" s="339">
        <v>912266</v>
      </c>
      <c r="G9" s="338">
        <v>806474</v>
      </c>
      <c r="H9" s="362">
        <v>88.403382346815505</v>
      </c>
      <c r="I9" s="329">
        <v>2458</v>
      </c>
      <c r="J9" s="328">
        <v>0.26943895749704583</v>
      </c>
      <c r="K9" s="329">
        <v>103334</v>
      </c>
      <c r="L9" s="328">
        <v>11.327178695687442</v>
      </c>
      <c r="M9" s="329">
        <v>0</v>
      </c>
      <c r="N9" s="328">
        <v>0</v>
      </c>
      <c r="O9" s="338">
        <v>912266</v>
      </c>
      <c r="P9" s="332">
        <v>122490</v>
      </c>
      <c r="Q9" s="327">
        <v>1034756</v>
      </c>
      <c r="R9" s="332">
        <v>0</v>
      </c>
      <c r="S9" s="656" t="s">
        <v>284</v>
      </c>
      <c r="T9" s="327">
        <v>691459</v>
      </c>
      <c r="U9" s="318">
        <v>691459</v>
      </c>
      <c r="V9" s="111">
        <v>0</v>
      </c>
      <c r="W9" s="109">
        <v>0</v>
      </c>
    </row>
    <row r="10" spans="1:23" ht="19.5" customHeight="1" x14ac:dyDescent="0.15">
      <c r="A10" s="361" t="s">
        <v>36</v>
      </c>
      <c r="B10" s="355">
        <v>358208</v>
      </c>
      <c r="C10" s="325">
        <v>98.300228868118182</v>
      </c>
      <c r="D10" s="355">
        <v>6194</v>
      </c>
      <c r="E10" s="321">
        <v>1.6997711318818227</v>
      </c>
      <c r="F10" s="354">
        <v>364402</v>
      </c>
      <c r="G10" s="320">
        <v>315138</v>
      </c>
      <c r="H10" s="321">
        <v>86.480864539711632</v>
      </c>
      <c r="I10" s="322">
        <v>9</v>
      </c>
      <c r="J10" s="321">
        <v>2.4697998364443664E-3</v>
      </c>
      <c r="K10" s="322">
        <v>44194</v>
      </c>
      <c r="L10" s="321">
        <v>12.127814885758037</v>
      </c>
      <c r="M10" s="322">
        <v>5061</v>
      </c>
      <c r="N10" s="321">
        <v>1.3888507746938821</v>
      </c>
      <c r="O10" s="320">
        <v>364402</v>
      </c>
      <c r="P10" s="353">
        <v>30781</v>
      </c>
      <c r="Q10" s="102">
        <v>395183</v>
      </c>
      <c r="R10" s="353">
        <v>0</v>
      </c>
      <c r="S10" s="656" t="s">
        <v>284</v>
      </c>
      <c r="T10" s="108">
        <v>280092</v>
      </c>
      <c r="U10" s="318">
        <v>275031</v>
      </c>
      <c r="V10" s="111">
        <v>5061</v>
      </c>
      <c r="W10" s="109">
        <v>0</v>
      </c>
    </row>
    <row r="11" spans="1:23" ht="19.5" customHeight="1" x14ac:dyDescent="0.15">
      <c r="A11" s="107" t="s">
        <v>35</v>
      </c>
      <c r="B11" s="355">
        <v>188779</v>
      </c>
      <c r="C11" s="331">
        <v>95.274601043695938</v>
      </c>
      <c r="D11" s="355">
        <v>9363</v>
      </c>
      <c r="E11" s="330">
        <v>4.7253989563040646</v>
      </c>
      <c r="F11" s="354">
        <v>198142</v>
      </c>
      <c r="G11" s="320">
        <v>163996</v>
      </c>
      <c r="H11" s="330">
        <v>82.766904543206394</v>
      </c>
      <c r="I11" s="322">
        <v>0</v>
      </c>
      <c r="J11" s="321">
        <v>0</v>
      </c>
      <c r="K11" s="322">
        <v>33632</v>
      </c>
      <c r="L11" s="321">
        <v>16.973685538654095</v>
      </c>
      <c r="M11" s="322">
        <v>514</v>
      </c>
      <c r="N11" s="321">
        <v>0.25940991813951608</v>
      </c>
      <c r="O11" s="320">
        <v>198142</v>
      </c>
      <c r="P11" s="353">
        <v>2645</v>
      </c>
      <c r="Q11" s="102">
        <v>200787</v>
      </c>
      <c r="R11" s="353">
        <v>0</v>
      </c>
      <c r="S11" s="656" t="s">
        <v>284</v>
      </c>
      <c r="T11" s="108">
        <v>144314</v>
      </c>
      <c r="U11" s="318">
        <v>143800</v>
      </c>
      <c r="V11" s="111">
        <v>514</v>
      </c>
      <c r="W11" s="109">
        <v>0</v>
      </c>
    </row>
    <row r="12" spans="1:23" ht="19.5" customHeight="1" x14ac:dyDescent="0.15">
      <c r="A12" s="107" t="s">
        <v>34</v>
      </c>
      <c r="B12" s="355">
        <v>88120</v>
      </c>
      <c r="C12" s="325">
        <v>93.026201887549348</v>
      </c>
      <c r="D12" s="355">
        <v>6606</v>
      </c>
      <c r="E12" s="321">
        <v>6.9737981124506465</v>
      </c>
      <c r="F12" s="354">
        <v>94726</v>
      </c>
      <c r="G12" s="320">
        <v>78957</v>
      </c>
      <c r="H12" s="321">
        <v>83.353039292274559</v>
      </c>
      <c r="I12" s="322">
        <v>696</v>
      </c>
      <c r="J12" s="321">
        <v>0.73475075480860585</v>
      </c>
      <c r="K12" s="322">
        <v>15031</v>
      </c>
      <c r="L12" s="321">
        <v>15.867871545299073</v>
      </c>
      <c r="M12" s="322">
        <v>42</v>
      </c>
      <c r="N12" s="321">
        <v>4.43384076177607E-2</v>
      </c>
      <c r="O12" s="320">
        <v>94726</v>
      </c>
      <c r="P12" s="353">
        <v>14500</v>
      </c>
      <c r="Q12" s="102">
        <v>109226</v>
      </c>
      <c r="R12" s="353">
        <v>0</v>
      </c>
      <c r="S12" s="656" t="s">
        <v>284</v>
      </c>
      <c r="T12" s="108">
        <v>73129</v>
      </c>
      <c r="U12" s="318">
        <v>71194</v>
      </c>
      <c r="V12" s="111">
        <v>42</v>
      </c>
      <c r="W12" s="109">
        <v>1893</v>
      </c>
    </row>
    <row r="13" spans="1:23" ht="19.5" customHeight="1" thickBot="1" x14ac:dyDescent="0.2">
      <c r="A13" s="101" t="s">
        <v>33</v>
      </c>
      <c r="B13" s="352">
        <v>67723</v>
      </c>
      <c r="C13" s="317">
        <v>93.821259853428103</v>
      </c>
      <c r="D13" s="352">
        <v>4460</v>
      </c>
      <c r="E13" s="313">
        <v>6.178740146571907</v>
      </c>
      <c r="F13" s="351">
        <v>72183</v>
      </c>
      <c r="G13" s="312">
        <v>56345</v>
      </c>
      <c r="H13" s="313">
        <v>78.058545640940395</v>
      </c>
      <c r="I13" s="307">
        <v>648</v>
      </c>
      <c r="J13" s="333">
        <v>0.8977182993225552</v>
      </c>
      <c r="K13" s="334">
        <v>14679</v>
      </c>
      <c r="L13" s="333">
        <v>20.33581314159844</v>
      </c>
      <c r="M13" s="334">
        <v>511</v>
      </c>
      <c r="N13" s="333">
        <v>0.70792291813861985</v>
      </c>
      <c r="O13" s="358">
        <v>72183</v>
      </c>
      <c r="P13" s="360">
        <v>0</v>
      </c>
      <c r="Q13" s="114">
        <v>72183</v>
      </c>
      <c r="R13" s="360">
        <v>0</v>
      </c>
      <c r="S13" s="656" t="s">
        <v>284</v>
      </c>
      <c r="T13" s="114">
        <v>53242</v>
      </c>
      <c r="U13" s="312">
        <v>51337</v>
      </c>
      <c r="V13" s="117">
        <v>511</v>
      </c>
      <c r="W13" s="115">
        <v>1394</v>
      </c>
    </row>
    <row r="14" spans="1:23" ht="19.5" customHeight="1" x14ac:dyDescent="0.15">
      <c r="A14" s="113" t="s">
        <v>32</v>
      </c>
      <c r="B14" s="340">
        <v>46142</v>
      </c>
      <c r="C14" s="331">
        <v>86.602852852852848</v>
      </c>
      <c r="D14" s="340">
        <v>7138</v>
      </c>
      <c r="E14" s="330">
        <v>13.397147147147148</v>
      </c>
      <c r="F14" s="339">
        <v>53280</v>
      </c>
      <c r="G14" s="338">
        <v>23529</v>
      </c>
      <c r="H14" s="330">
        <v>44.161036036036037</v>
      </c>
      <c r="I14" s="329">
        <v>0</v>
      </c>
      <c r="J14" s="328">
        <v>0</v>
      </c>
      <c r="K14" s="329">
        <v>29738</v>
      </c>
      <c r="L14" s="328">
        <v>55.814564564564563</v>
      </c>
      <c r="M14" s="329">
        <v>13</v>
      </c>
      <c r="N14" s="328">
        <v>2.4399399399399398E-2</v>
      </c>
      <c r="O14" s="338">
        <v>53280</v>
      </c>
      <c r="P14" s="326">
        <v>0</v>
      </c>
      <c r="Q14" s="327">
        <v>53280</v>
      </c>
      <c r="R14" s="326">
        <v>0</v>
      </c>
      <c r="S14" s="656" t="s">
        <v>284</v>
      </c>
      <c r="T14" s="108">
        <v>21203</v>
      </c>
      <c r="U14" s="318">
        <v>20675</v>
      </c>
      <c r="V14" s="111">
        <v>13</v>
      </c>
      <c r="W14" s="109">
        <v>515</v>
      </c>
    </row>
    <row r="15" spans="1:23" ht="19.5" customHeight="1" x14ac:dyDescent="0.15">
      <c r="A15" s="107" t="s">
        <v>149</v>
      </c>
      <c r="B15" s="355">
        <v>96757</v>
      </c>
      <c r="C15" s="325">
        <v>94.358409237190614</v>
      </c>
      <c r="D15" s="355">
        <v>5785</v>
      </c>
      <c r="E15" s="321">
        <v>5.6415907628093853</v>
      </c>
      <c r="F15" s="354">
        <v>102542</v>
      </c>
      <c r="G15" s="320">
        <v>90412</v>
      </c>
      <c r="H15" s="321">
        <v>88.170700786019381</v>
      </c>
      <c r="I15" s="322">
        <v>105</v>
      </c>
      <c r="J15" s="321">
        <v>0.10239706656784536</v>
      </c>
      <c r="K15" s="322">
        <v>10544</v>
      </c>
      <c r="L15" s="321">
        <v>10.282615903727253</v>
      </c>
      <c r="M15" s="322">
        <v>1481</v>
      </c>
      <c r="N15" s="321">
        <v>1.4442862436855144</v>
      </c>
      <c r="O15" s="320">
        <v>102542</v>
      </c>
      <c r="P15" s="353">
        <v>18400</v>
      </c>
      <c r="Q15" s="102">
        <v>120942</v>
      </c>
      <c r="R15" s="353">
        <v>0</v>
      </c>
      <c r="S15" s="656" t="s">
        <v>284</v>
      </c>
      <c r="T15" s="108">
        <v>84922</v>
      </c>
      <c r="U15" s="318">
        <v>80283</v>
      </c>
      <c r="V15" s="111">
        <v>1481</v>
      </c>
      <c r="W15" s="109">
        <v>3158</v>
      </c>
    </row>
    <row r="16" spans="1:23" ht="19.5" customHeight="1" x14ac:dyDescent="0.15">
      <c r="A16" s="107" t="s">
        <v>30</v>
      </c>
      <c r="B16" s="355">
        <v>57492</v>
      </c>
      <c r="C16" s="325">
        <v>94.355910784329808</v>
      </c>
      <c r="D16" s="355">
        <v>3439</v>
      </c>
      <c r="E16" s="321">
        <v>5.644089215670185</v>
      </c>
      <c r="F16" s="354">
        <v>60931</v>
      </c>
      <c r="G16" s="320">
        <v>48402</v>
      </c>
      <c r="H16" s="321">
        <v>79.437396399205667</v>
      </c>
      <c r="I16" s="322">
        <v>467</v>
      </c>
      <c r="J16" s="321">
        <v>0.76644072803663155</v>
      </c>
      <c r="K16" s="322">
        <v>12062</v>
      </c>
      <c r="L16" s="321">
        <v>19.796162872757709</v>
      </c>
      <c r="M16" s="322">
        <v>0</v>
      </c>
      <c r="N16" s="321">
        <v>0</v>
      </c>
      <c r="O16" s="320">
        <v>60931</v>
      </c>
      <c r="P16" s="353">
        <v>0</v>
      </c>
      <c r="Q16" s="102">
        <v>60931</v>
      </c>
      <c r="R16" s="353">
        <v>0</v>
      </c>
      <c r="S16" s="656" t="s">
        <v>284</v>
      </c>
      <c r="T16" s="108">
        <v>42369</v>
      </c>
      <c r="U16" s="318">
        <v>42211</v>
      </c>
      <c r="V16" s="111">
        <v>0</v>
      </c>
      <c r="W16" s="109">
        <v>158</v>
      </c>
    </row>
    <row r="17" spans="1:23" ht="19.5" customHeight="1" x14ac:dyDescent="0.15">
      <c r="A17" s="107" t="s">
        <v>29</v>
      </c>
      <c r="B17" s="355">
        <v>57917</v>
      </c>
      <c r="C17" s="325">
        <v>92.252433060957927</v>
      </c>
      <c r="D17" s="355">
        <v>4864</v>
      </c>
      <c r="E17" s="321">
        <v>7.7475669390420663</v>
      </c>
      <c r="F17" s="354">
        <v>62781</v>
      </c>
      <c r="G17" s="320">
        <v>47162</v>
      </c>
      <c r="H17" s="321">
        <v>75.121453943071941</v>
      </c>
      <c r="I17" s="322">
        <v>0</v>
      </c>
      <c r="J17" s="321">
        <v>0</v>
      </c>
      <c r="K17" s="322">
        <v>15545</v>
      </c>
      <c r="L17" s="321">
        <v>24.760676000700848</v>
      </c>
      <c r="M17" s="322">
        <v>74</v>
      </c>
      <c r="N17" s="321">
        <v>0.11787005622720249</v>
      </c>
      <c r="O17" s="320">
        <v>62781</v>
      </c>
      <c r="P17" s="353">
        <v>0</v>
      </c>
      <c r="Q17" s="102">
        <v>62781</v>
      </c>
      <c r="R17" s="353">
        <v>0</v>
      </c>
      <c r="S17" s="656" t="s">
        <v>284</v>
      </c>
      <c r="T17" s="108">
        <v>41331</v>
      </c>
      <c r="U17" s="318">
        <v>40733</v>
      </c>
      <c r="V17" s="111">
        <v>74</v>
      </c>
      <c r="W17" s="109">
        <v>524</v>
      </c>
    </row>
    <row r="18" spans="1:23" ht="19.5" customHeight="1" thickBot="1" x14ac:dyDescent="0.2">
      <c r="A18" s="101" t="s">
        <v>28</v>
      </c>
      <c r="B18" s="352">
        <v>11842</v>
      </c>
      <c r="C18" s="317">
        <v>85.035185983053282</v>
      </c>
      <c r="D18" s="352">
        <v>2084</v>
      </c>
      <c r="E18" s="313">
        <v>14.964814016946718</v>
      </c>
      <c r="F18" s="351">
        <v>13926</v>
      </c>
      <c r="G18" s="312">
        <v>10023</v>
      </c>
      <c r="H18" s="313">
        <v>71.973287376130983</v>
      </c>
      <c r="I18" s="307">
        <v>0</v>
      </c>
      <c r="J18" s="313">
        <v>0</v>
      </c>
      <c r="K18" s="307">
        <v>3903</v>
      </c>
      <c r="L18" s="313">
        <v>28.02671262386902</v>
      </c>
      <c r="M18" s="307">
        <v>0</v>
      </c>
      <c r="N18" s="313">
        <v>0</v>
      </c>
      <c r="O18" s="312">
        <v>13926</v>
      </c>
      <c r="P18" s="360">
        <v>2626</v>
      </c>
      <c r="Q18" s="114">
        <v>16552</v>
      </c>
      <c r="R18" s="360">
        <v>0</v>
      </c>
      <c r="S18" s="656" t="s">
        <v>284</v>
      </c>
      <c r="T18" s="114">
        <v>8948</v>
      </c>
      <c r="U18" s="312">
        <v>8948</v>
      </c>
      <c r="V18" s="117">
        <v>0</v>
      </c>
      <c r="W18" s="115">
        <v>0</v>
      </c>
    </row>
    <row r="19" spans="1:23" ht="19.5" customHeight="1" x14ac:dyDescent="0.15">
      <c r="A19" s="113" t="s">
        <v>27</v>
      </c>
      <c r="B19" s="340">
        <v>11786</v>
      </c>
      <c r="C19" s="331">
        <v>85.294543349254596</v>
      </c>
      <c r="D19" s="340">
        <v>2032</v>
      </c>
      <c r="E19" s="330">
        <v>14.705456650745404</v>
      </c>
      <c r="F19" s="339">
        <v>13818</v>
      </c>
      <c r="G19" s="359">
        <v>8237</v>
      </c>
      <c r="H19" s="330">
        <v>59.610652771746999</v>
      </c>
      <c r="I19" s="329">
        <v>55</v>
      </c>
      <c r="J19" s="330">
        <v>0.39803155304675059</v>
      </c>
      <c r="K19" s="337">
        <v>4363</v>
      </c>
      <c r="L19" s="330">
        <v>31.574757562599508</v>
      </c>
      <c r="M19" s="337">
        <v>1163</v>
      </c>
      <c r="N19" s="330">
        <v>8.4165581126067455</v>
      </c>
      <c r="O19" s="318">
        <v>13818</v>
      </c>
      <c r="P19" s="326">
        <v>179</v>
      </c>
      <c r="Q19" s="327">
        <v>13997</v>
      </c>
      <c r="R19" s="326">
        <v>0</v>
      </c>
      <c r="S19" s="656" t="s">
        <v>284</v>
      </c>
      <c r="T19" s="108">
        <v>8791</v>
      </c>
      <c r="U19" s="318">
        <v>7628</v>
      </c>
      <c r="V19" s="111">
        <v>1163</v>
      </c>
      <c r="W19" s="109">
        <v>0</v>
      </c>
    </row>
    <row r="20" spans="1:23" ht="19.5" customHeight="1" x14ac:dyDescent="0.15">
      <c r="A20" s="107" t="s">
        <v>26</v>
      </c>
      <c r="B20" s="355">
        <v>43145</v>
      </c>
      <c r="C20" s="325">
        <v>98.867985059236005</v>
      </c>
      <c r="D20" s="355">
        <v>494</v>
      </c>
      <c r="E20" s="321">
        <v>1.1320149407639954</v>
      </c>
      <c r="F20" s="354">
        <v>43639</v>
      </c>
      <c r="G20" s="320">
        <v>32288</v>
      </c>
      <c r="H20" s="321">
        <v>73.988863172849975</v>
      </c>
      <c r="I20" s="322">
        <v>474</v>
      </c>
      <c r="J20" s="321">
        <v>1.0861843763605949</v>
      </c>
      <c r="K20" s="356">
        <v>10877</v>
      </c>
      <c r="L20" s="321">
        <v>24.92495245078943</v>
      </c>
      <c r="M20" s="322">
        <v>0</v>
      </c>
      <c r="N20" s="321">
        <v>0</v>
      </c>
      <c r="O20" s="320">
        <v>43639</v>
      </c>
      <c r="P20" s="353">
        <v>160</v>
      </c>
      <c r="Q20" s="102">
        <v>43799</v>
      </c>
      <c r="R20" s="353">
        <v>0</v>
      </c>
      <c r="S20" s="656" t="s">
        <v>284</v>
      </c>
      <c r="T20" s="108">
        <v>29187</v>
      </c>
      <c r="U20" s="318">
        <v>29187</v>
      </c>
      <c r="V20" s="111">
        <v>0</v>
      </c>
      <c r="W20" s="109">
        <v>0</v>
      </c>
    </row>
    <row r="21" spans="1:23" ht="19.5" customHeight="1" x14ac:dyDescent="0.15">
      <c r="A21" s="107" t="s">
        <v>25</v>
      </c>
      <c r="B21" s="355">
        <v>61962</v>
      </c>
      <c r="C21" s="325">
        <v>97.960538797192186</v>
      </c>
      <c r="D21" s="355">
        <v>1290</v>
      </c>
      <c r="E21" s="321">
        <v>2.0394612028078165</v>
      </c>
      <c r="F21" s="354">
        <v>63252</v>
      </c>
      <c r="G21" s="320">
        <v>47397</v>
      </c>
      <c r="H21" s="321">
        <v>74.933598937583</v>
      </c>
      <c r="I21" s="322">
        <v>0</v>
      </c>
      <c r="J21" s="321">
        <v>0</v>
      </c>
      <c r="K21" s="322">
        <v>15855</v>
      </c>
      <c r="L21" s="321">
        <v>25.066401062417</v>
      </c>
      <c r="M21" s="322">
        <v>0</v>
      </c>
      <c r="N21" s="321">
        <v>0</v>
      </c>
      <c r="O21" s="320">
        <v>63252</v>
      </c>
      <c r="P21" s="353">
        <v>0</v>
      </c>
      <c r="Q21" s="102">
        <v>63252</v>
      </c>
      <c r="R21" s="353">
        <v>0</v>
      </c>
      <c r="S21" s="656" t="s">
        <v>284</v>
      </c>
      <c r="T21" s="108">
        <v>42626</v>
      </c>
      <c r="U21" s="318">
        <v>42626</v>
      </c>
      <c r="V21" s="111">
        <v>0</v>
      </c>
      <c r="W21" s="109">
        <v>0</v>
      </c>
    </row>
    <row r="22" spans="1:23" ht="19.5" customHeight="1" x14ac:dyDescent="0.15">
      <c r="A22" s="107" t="s">
        <v>24</v>
      </c>
      <c r="B22" s="355">
        <v>58429</v>
      </c>
      <c r="C22" s="325">
        <v>92.662078152753111</v>
      </c>
      <c r="D22" s="355">
        <v>4627</v>
      </c>
      <c r="E22" s="321">
        <v>7.3379218472468919</v>
      </c>
      <c r="F22" s="354">
        <v>63056</v>
      </c>
      <c r="G22" s="320">
        <v>50988</v>
      </c>
      <c r="H22" s="321">
        <v>80.861456483126119</v>
      </c>
      <c r="I22" s="322">
        <v>0</v>
      </c>
      <c r="J22" s="321">
        <v>0</v>
      </c>
      <c r="K22" s="322">
        <v>11866</v>
      </c>
      <c r="L22" s="321">
        <v>18.818193351941133</v>
      </c>
      <c r="M22" s="322">
        <v>202</v>
      </c>
      <c r="N22" s="321">
        <v>0.3203501649327582</v>
      </c>
      <c r="O22" s="320">
        <v>63056</v>
      </c>
      <c r="P22" s="353">
        <v>0</v>
      </c>
      <c r="Q22" s="102">
        <v>63056</v>
      </c>
      <c r="R22" s="353">
        <v>0</v>
      </c>
      <c r="S22" s="656" t="s">
        <v>284</v>
      </c>
      <c r="T22" s="108">
        <v>46883</v>
      </c>
      <c r="U22" s="318">
        <v>45037</v>
      </c>
      <c r="V22" s="111">
        <v>202</v>
      </c>
      <c r="W22" s="109">
        <v>1644</v>
      </c>
    </row>
    <row r="23" spans="1:23" ht="19.5" customHeight="1" thickBot="1" x14ac:dyDescent="0.2">
      <c r="A23" s="101" t="s">
        <v>23</v>
      </c>
      <c r="B23" s="352">
        <v>24765</v>
      </c>
      <c r="C23" s="317">
        <v>98.048143162562354</v>
      </c>
      <c r="D23" s="352">
        <v>493</v>
      </c>
      <c r="E23" s="313">
        <v>1.9518568374376437</v>
      </c>
      <c r="F23" s="351">
        <v>25258</v>
      </c>
      <c r="G23" s="312">
        <v>21275</v>
      </c>
      <c r="H23" s="313">
        <v>84.230738775833402</v>
      </c>
      <c r="I23" s="307">
        <v>267</v>
      </c>
      <c r="J23" s="333">
        <v>1.0570908227096365</v>
      </c>
      <c r="K23" s="334">
        <v>3716</v>
      </c>
      <c r="L23" s="333">
        <v>14.712170401456964</v>
      </c>
      <c r="M23" s="334">
        <v>0</v>
      </c>
      <c r="N23" s="333">
        <v>0</v>
      </c>
      <c r="O23" s="358">
        <v>25258</v>
      </c>
      <c r="P23" s="349">
        <v>2282</v>
      </c>
      <c r="Q23" s="114">
        <v>27540</v>
      </c>
      <c r="R23" s="349">
        <v>0</v>
      </c>
      <c r="S23" s="656" t="s">
        <v>284</v>
      </c>
      <c r="T23" s="114">
        <v>19245</v>
      </c>
      <c r="U23" s="312">
        <v>19245</v>
      </c>
      <c r="V23" s="117">
        <v>0</v>
      </c>
      <c r="W23" s="115">
        <v>0</v>
      </c>
    </row>
    <row r="24" spans="1:23" ht="19.5" customHeight="1" x14ac:dyDescent="0.15">
      <c r="A24" s="113" t="s">
        <v>22</v>
      </c>
      <c r="B24" s="340">
        <v>34232</v>
      </c>
      <c r="C24" s="682">
        <v>99.973715720919358</v>
      </c>
      <c r="D24" s="340">
        <v>9</v>
      </c>
      <c r="E24" s="330">
        <v>2.6284279080634326E-2</v>
      </c>
      <c r="F24" s="339">
        <v>34241</v>
      </c>
      <c r="G24" s="338">
        <v>24911</v>
      </c>
      <c r="H24" s="330">
        <v>72.751964019742417</v>
      </c>
      <c r="I24" s="329">
        <v>0</v>
      </c>
      <c r="J24" s="328">
        <v>0</v>
      </c>
      <c r="K24" s="329">
        <v>9330</v>
      </c>
      <c r="L24" s="328">
        <v>27.248035980257583</v>
      </c>
      <c r="M24" s="357">
        <v>0</v>
      </c>
      <c r="N24" s="328">
        <v>0</v>
      </c>
      <c r="O24" s="338">
        <v>34241</v>
      </c>
      <c r="P24" s="319">
        <v>0</v>
      </c>
      <c r="Q24" s="327">
        <v>34241</v>
      </c>
      <c r="R24" s="319">
        <v>0</v>
      </c>
      <c r="S24" s="656" t="s">
        <v>284</v>
      </c>
      <c r="T24" s="108">
        <v>22547</v>
      </c>
      <c r="U24" s="318">
        <v>22023</v>
      </c>
      <c r="V24" s="111">
        <v>0</v>
      </c>
      <c r="W24" s="109">
        <v>524</v>
      </c>
    </row>
    <row r="25" spans="1:23" ht="19.5" customHeight="1" x14ac:dyDescent="0.15">
      <c r="A25" s="107" t="s">
        <v>21</v>
      </c>
      <c r="B25" s="355">
        <v>31143</v>
      </c>
      <c r="C25" s="683">
        <v>100</v>
      </c>
      <c r="D25" s="355">
        <v>0</v>
      </c>
      <c r="E25" s="321">
        <v>0</v>
      </c>
      <c r="F25" s="354">
        <v>31143</v>
      </c>
      <c r="G25" s="320">
        <v>23446</v>
      </c>
      <c r="H25" s="321">
        <v>75.28497575699194</v>
      </c>
      <c r="I25" s="322">
        <v>0</v>
      </c>
      <c r="J25" s="321">
        <v>0</v>
      </c>
      <c r="K25" s="322">
        <v>7697</v>
      </c>
      <c r="L25" s="321">
        <v>24.71502424300806</v>
      </c>
      <c r="M25" s="356">
        <v>0</v>
      </c>
      <c r="N25" s="321">
        <v>0</v>
      </c>
      <c r="O25" s="320">
        <v>31143</v>
      </c>
      <c r="P25" s="353">
        <v>204</v>
      </c>
      <c r="Q25" s="102">
        <v>31347</v>
      </c>
      <c r="R25" s="353">
        <v>0</v>
      </c>
      <c r="S25" s="656" t="s">
        <v>284</v>
      </c>
      <c r="T25" s="108">
        <v>21223</v>
      </c>
      <c r="U25" s="318">
        <v>20729</v>
      </c>
      <c r="V25" s="111">
        <v>0</v>
      </c>
      <c r="W25" s="109">
        <v>494</v>
      </c>
    </row>
    <row r="26" spans="1:23" ht="19.5" customHeight="1" x14ac:dyDescent="0.15">
      <c r="A26" s="107" t="s">
        <v>20</v>
      </c>
      <c r="B26" s="355">
        <v>11140</v>
      </c>
      <c r="C26" s="325">
        <v>95.827956989247312</v>
      </c>
      <c r="D26" s="355">
        <v>485</v>
      </c>
      <c r="E26" s="321">
        <v>4.172043010752688</v>
      </c>
      <c r="F26" s="354">
        <v>11625</v>
      </c>
      <c r="G26" s="320">
        <v>8746</v>
      </c>
      <c r="H26" s="321">
        <v>75.234408602150538</v>
      </c>
      <c r="I26" s="322">
        <v>132</v>
      </c>
      <c r="J26" s="321">
        <v>1.1354838709677419</v>
      </c>
      <c r="K26" s="322">
        <v>2747</v>
      </c>
      <c r="L26" s="321">
        <v>23.630107526881723</v>
      </c>
      <c r="M26" s="322">
        <v>0</v>
      </c>
      <c r="N26" s="321">
        <v>0</v>
      </c>
      <c r="O26" s="320">
        <v>11625</v>
      </c>
      <c r="P26" s="353">
        <v>0</v>
      </c>
      <c r="Q26" s="102">
        <v>11625</v>
      </c>
      <c r="R26" s="353">
        <v>0</v>
      </c>
      <c r="S26" s="656" t="s">
        <v>284</v>
      </c>
      <c r="T26" s="108">
        <v>7717</v>
      </c>
      <c r="U26" s="318">
        <v>7717</v>
      </c>
      <c r="V26" s="111">
        <v>0</v>
      </c>
      <c r="W26" s="109">
        <v>0</v>
      </c>
    </row>
    <row r="27" spans="1:23" ht="19.5" customHeight="1" thickBot="1" x14ac:dyDescent="0.2">
      <c r="A27" s="134" t="s">
        <v>19</v>
      </c>
      <c r="B27" s="352">
        <v>21529</v>
      </c>
      <c r="C27" s="670">
        <v>100</v>
      </c>
      <c r="D27" s="352">
        <v>0</v>
      </c>
      <c r="E27" s="333">
        <v>0</v>
      </c>
      <c r="F27" s="351">
        <v>21529</v>
      </c>
      <c r="G27" s="312">
        <v>15994</v>
      </c>
      <c r="H27" s="333">
        <v>74.290491894653726</v>
      </c>
      <c r="I27" s="307">
        <v>0</v>
      </c>
      <c r="J27" s="313">
        <v>0</v>
      </c>
      <c r="K27" s="307">
        <v>5535</v>
      </c>
      <c r="L27" s="313">
        <v>25.709508105346281</v>
      </c>
      <c r="M27" s="350">
        <v>0</v>
      </c>
      <c r="N27" s="313">
        <v>0</v>
      </c>
      <c r="O27" s="312">
        <v>21529</v>
      </c>
      <c r="P27" s="349">
        <v>0</v>
      </c>
      <c r="Q27" s="114">
        <v>21529</v>
      </c>
      <c r="R27" s="349">
        <v>0</v>
      </c>
      <c r="S27" s="656" t="s">
        <v>284</v>
      </c>
      <c r="T27" s="84">
        <v>14480</v>
      </c>
      <c r="U27" s="311">
        <v>14144</v>
      </c>
      <c r="V27" s="88">
        <v>0</v>
      </c>
      <c r="W27" s="85">
        <v>336</v>
      </c>
    </row>
    <row r="28" spans="1:23" ht="19.5" customHeight="1" thickBot="1" x14ac:dyDescent="0.2">
      <c r="A28" s="95" t="s">
        <v>18</v>
      </c>
      <c r="B28" s="303">
        <v>2136923</v>
      </c>
      <c r="C28" s="348">
        <v>95.28179815761078</v>
      </c>
      <c r="D28" s="309">
        <v>105817</v>
      </c>
      <c r="E28" s="347">
        <v>4.7182018423892202</v>
      </c>
      <c r="F28" s="308">
        <v>2242740</v>
      </c>
      <c r="G28" s="299">
        <v>1873720</v>
      </c>
      <c r="H28" s="347">
        <v>83.546019601023744</v>
      </c>
      <c r="I28" s="346">
        <v>5311</v>
      </c>
      <c r="J28" s="345">
        <v>0.23680854668842577</v>
      </c>
      <c r="K28" s="346">
        <v>354648</v>
      </c>
      <c r="L28" s="345">
        <v>15.813157120308194</v>
      </c>
      <c r="M28" s="346">
        <v>9061</v>
      </c>
      <c r="N28" s="345">
        <v>0.40401473197963206</v>
      </c>
      <c r="O28" s="312">
        <v>2242740</v>
      </c>
      <c r="P28" s="305">
        <v>194267</v>
      </c>
      <c r="Q28" s="344">
        <v>2437007</v>
      </c>
      <c r="R28" s="305">
        <v>0</v>
      </c>
      <c r="S28" s="656" t="s">
        <v>284</v>
      </c>
      <c r="T28" s="343">
        <v>1653708</v>
      </c>
      <c r="U28" s="663">
        <v>1634007</v>
      </c>
      <c r="V28" s="660">
        <v>9061</v>
      </c>
      <c r="W28" s="664">
        <v>10640</v>
      </c>
    </row>
    <row r="29" spans="1:23" ht="19.5" customHeight="1" x14ac:dyDescent="0.15">
      <c r="A29" s="113" t="s">
        <v>17</v>
      </c>
      <c r="B29" s="324">
        <v>6802</v>
      </c>
      <c r="C29" s="331">
        <v>86.605551311433658</v>
      </c>
      <c r="D29" s="324">
        <v>1052</v>
      </c>
      <c r="E29" s="330">
        <v>13.394448688566335</v>
      </c>
      <c r="F29" s="323">
        <v>7854</v>
      </c>
      <c r="G29" s="318">
        <v>5154</v>
      </c>
      <c r="H29" s="330">
        <v>65.622612681436209</v>
      </c>
      <c r="I29" s="329">
        <v>20</v>
      </c>
      <c r="J29" s="328">
        <v>0.25464731347084291</v>
      </c>
      <c r="K29" s="329">
        <v>2679</v>
      </c>
      <c r="L29" s="328">
        <v>34.110007639419408</v>
      </c>
      <c r="M29" s="329">
        <v>1</v>
      </c>
      <c r="N29" s="328">
        <v>1.2732365673542143E-2</v>
      </c>
      <c r="O29" s="320">
        <v>7854</v>
      </c>
      <c r="P29" s="319">
        <v>1561</v>
      </c>
      <c r="Q29" s="327">
        <v>9415</v>
      </c>
      <c r="R29" s="319">
        <v>0</v>
      </c>
      <c r="S29" s="656" t="s">
        <v>284</v>
      </c>
      <c r="T29" s="662">
        <v>4556</v>
      </c>
      <c r="U29" s="329">
        <v>4555</v>
      </c>
      <c r="V29" s="342">
        <v>1</v>
      </c>
      <c r="W29" s="341">
        <v>0</v>
      </c>
    </row>
    <row r="30" spans="1:23" ht="19.5" customHeight="1" x14ac:dyDescent="0.15">
      <c r="A30" s="107" t="s">
        <v>16</v>
      </c>
      <c r="B30" s="324">
        <v>11899</v>
      </c>
      <c r="C30" s="325">
        <v>93.369428750784678</v>
      </c>
      <c r="D30" s="324">
        <v>845</v>
      </c>
      <c r="E30" s="321">
        <v>6.6305712492153166</v>
      </c>
      <c r="F30" s="323">
        <v>12744</v>
      </c>
      <c r="G30" s="318">
        <v>10406</v>
      </c>
      <c r="H30" s="321">
        <v>81.654111738857509</v>
      </c>
      <c r="I30" s="322">
        <v>0</v>
      </c>
      <c r="J30" s="321">
        <v>0</v>
      </c>
      <c r="K30" s="322">
        <v>2329</v>
      </c>
      <c r="L30" s="321">
        <v>18.275266792215945</v>
      </c>
      <c r="M30" s="322">
        <v>9</v>
      </c>
      <c r="N30" s="321">
        <v>7.0621468926553674E-2</v>
      </c>
      <c r="O30" s="320">
        <v>12744</v>
      </c>
      <c r="P30" s="319">
        <v>0</v>
      </c>
      <c r="Q30" s="102">
        <v>12744</v>
      </c>
      <c r="R30" s="319">
        <v>0</v>
      </c>
      <c r="S30" s="656" t="s">
        <v>284</v>
      </c>
      <c r="T30" s="658">
        <v>8956</v>
      </c>
      <c r="U30" s="322">
        <v>8947</v>
      </c>
      <c r="V30" s="105">
        <v>9</v>
      </c>
      <c r="W30" s="103">
        <v>0</v>
      </c>
    </row>
    <row r="31" spans="1:23" ht="19.5" customHeight="1" x14ac:dyDescent="0.15">
      <c r="A31" s="107" t="s">
        <v>15</v>
      </c>
      <c r="B31" s="324">
        <v>8662</v>
      </c>
      <c r="C31" s="325">
        <v>91.836301950805762</v>
      </c>
      <c r="D31" s="324">
        <v>770</v>
      </c>
      <c r="E31" s="321">
        <v>8.163698049194231</v>
      </c>
      <c r="F31" s="323">
        <v>9432</v>
      </c>
      <c r="G31" s="318">
        <v>7267</v>
      </c>
      <c r="H31" s="321">
        <v>77.046225614927906</v>
      </c>
      <c r="I31" s="322">
        <v>89</v>
      </c>
      <c r="J31" s="321">
        <v>0.94359626802374885</v>
      </c>
      <c r="K31" s="322">
        <v>2023</v>
      </c>
      <c r="L31" s="321">
        <v>21.448261238337572</v>
      </c>
      <c r="M31" s="322">
        <v>53</v>
      </c>
      <c r="N31" s="321">
        <v>0.56191687871077178</v>
      </c>
      <c r="O31" s="320">
        <v>9432</v>
      </c>
      <c r="P31" s="319">
        <v>157</v>
      </c>
      <c r="Q31" s="102">
        <v>9589</v>
      </c>
      <c r="R31" s="319">
        <v>0</v>
      </c>
      <c r="S31" s="656" t="s">
        <v>284</v>
      </c>
      <c r="T31" s="658">
        <v>6848</v>
      </c>
      <c r="U31" s="322">
        <v>6795</v>
      </c>
      <c r="V31" s="105">
        <v>53</v>
      </c>
      <c r="W31" s="103">
        <v>0</v>
      </c>
    </row>
    <row r="32" spans="1:23" ht="19.5" customHeight="1" thickBot="1" x14ac:dyDescent="0.2">
      <c r="A32" s="101" t="s">
        <v>14</v>
      </c>
      <c r="B32" s="316">
        <v>6907</v>
      </c>
      <c r="C32" s="317">
        <v>93.743213897937025</v>
      </c>
      <c r="D32" s="316">
        <v>461</v>
      </c>
      <c r="E32" s="313">
        <v>6.2567861020629749</v>
      </c>
      <c r="F32" s="315">
        <v>7368</v>
      </c>
      <c r="G32" s="314">
        <v>5175</v>
      </c>
      <c r="H32" s="313">
        <v>70.236156351791536</v>
      </c>
      <c r="I32" s="307">
        <v>90</v>
      </c>
      <c r="J32" s="313">
        <v>1.221498371335505</v>
      </c>
      <c r="K32" s="307">
        <v>2033</v>
      </c>
      <c r="L32" s="313">
        <v>27.592290988056462</v>
      </c>
      <c r="M32" s="307">
        <v>70</v>
      </c>
      <c r="N32" s="313">
        <v>0.95005428881650389</v>
      </c>
      <c r="O32" s="312">
        <v>7368</v>
      </c>
      <c r="P32" s="332">
        <v>0</v>
      </c>
      <c r="Q32" s="114">
        <v>7368</v>
      </c>
      <c r="R32" s="332">
        <v>0</v>
      </c>
      <c r="S32" s="656" t="s">
        <v>284</v>
      </c>
      <c r="T32" s="661">
        <v>4913</v>
      </c>
      <c r="U32" s="307">
        <v>4843</v>
      </c>
      <c r="V32" s="117">
        <v>70</v>
      </c>
      <c r="W32" s="115">
        <v>0</v>
      </c>
    </row>
    <row r="33" spans="1:23" ht="19.5" customHeight="1" x14ac:dyDescent="0.15">
      <c r="A33" s="113" t="s">
        <v>13</v>
      </c>
      <c r="B33" s="340">
        <v>2643</v>
      </c>
      <c r="C33" s="331">
        <v>95.003594536304817</v>
      </c>
      <c r="D33" s="340">
        <v>139</v>
      </c>
      <c r="E33" s="330">
        <v>4.9964054636951829</v>
      </c>
      <c r="F33" s="339">
        <v>2782</v>
      </c>
      <c r="G33" s="338">
        <v>2339</v>
      </c>
      <c r="H33" s="330">
        <v>84.07620416966212</v>
      </c>
      <c r="I33" s="329">
        <v>21</v>
      </c>
      <c r="J33" s="330">
        <v>0.75485262401150255</v>
      </c>
      <c r="K33" s="337">
        <v>422</v>
      </c>
      <c r="L33" s="330">
        <v>15.168943206326386</v>
      </c>
      <c r="M33" s="337">
        <v>0</v>
      </c>
      <c r="N33" s="330">
        <v>0</v>
      </c>
      <c r="O33" s="318">
        <v>2782</v>
      </c>
      <c r="P33" s="326">
        <v>0</v>
      </c>
      <c r="Q33" s="327">
        <v>2782</v>
      </c>
      <c r="R33" s="326">
        <v>0</v>
      </c>
      <c r="S33" s="656" t="s">
        <v>284</v>
      </c>
      <c r="T33" s="658">
        <v>2141</v>
      </c>
      <c r="U33" s="337">
        <v>2131</v>
      </c>
      <c r="V33" s="111">
        <v>0</v>
      </c>
      <c r="W33" s="109">
        <v>10</v>
      </c>
    </row>
    <row r="34" spans="1:23" ht="19.5" customHeight="1" x14ac:dyDescent="0.15">
      <c r="A34" s="107" t="s">
        <v>12</v>
      </c>
      <c r="B34" s="336">
        <v>4756</v>
      </c>
      <c r="C34" s="325">
        <v>98.244164428837024</v>
      </c>
      <c r="D34" s="336">
        <v>85</v>
      </c>
      <c r="E34" s="321">
        <v>1.7558355711629829</v>
      </c>
      <c r="F34" s="323">
        <v>4841</v>
      </c>
      <c r="G34" s="318">
        <v>3837</v>
      </c>
      <c r="H34" s="321">
        <v>79.260483371204288</v>
      </c>
      <c r="I34" s="322">
        <v>36</v>
      </c>
      <c r="J34" s="321">
        <v>0.74364800661020458</v>
      </c>
      <c r="K34" s="322">
        <v>968</v>
      </c>
      <c r="L34" s="321">
        <v>19.995868622185498</v>
      </c>
      <c r="M34" s="322">
        <v>0</v>
      </c>
      <c r="N34" s="321">
        <v>0</v>
      </c>
      <c r="O34" s="320">
        <v>4841</v>
      </c>
      <c r="P34" s="319">
        <v>14</v>
      </c>
      <c r="Q34" s="102">
        <v>4855</v>
      </c>
      <c r="R34" s="319">
        <v>0</v>
      </c>
      <c r="S34" s="656" t="s">
        <v>284</v>
      </c>
      <c r="T34" s="658">
        <v>3518</v>
      </c>
      <c r="U34" s="322">
        <v>3502</v>
      </c>
      <c r="V34" s="105">
        <v>0</v>
      </c>
      <c r="W34" s="103">
        <v>16</v>
      </c>
    </row>
    <row r="35" spans="1:23" ht="19.5" customHeight="1" x14ac:dyDescent="0.15">
      <c r="A35" s="107" t="s">
        <v>11</v>
      </c>
      <c r="B35" s="336">
        <v>2901</v>
      </c>
      <c r="C35" s="325">
        <v>98.205822613405545</v>
      </c>
      <c r="D35" s="336">
        <v>53</v>
      </c>
      <c r="E35" s="321">
        <v>1.7941773865944481</v>
      </c>
      <c r="F35" s="323">
        <v>2954</v>
      </c>
      <c r="G35" s="318">
        <v>2276</v>
      </c>
      <c r="H35" s="321">
        <v>77.048070412999323</v>
      </c>
      <c r="I35" s="322">
        <v>24</v>
      </c>
      <c r="J35" s="321">
        <v>0.81245768449559919</v>
      </c>
      <c r="K35" s="322">
        <v>654</v>
      </c>
      <c r="L35" s="321">
        <v>22.139471902505079</v>
      </c>
      <c r="M35" s="322">
        <v>0</v>
      </c>
      <c r="N35" s="321">
        <v>0</v>
      </c>
      <c r="O35" s="320">
        <v>2954</v>
      </c>
      <c r="P35" s="319">
        <v>19</v>
      </c>
      <c r="Q35" s="102">
        <v>2973</v>
      </c>
      <c r="R35" s="319">
        <v>0</v>
      </c>
      <c r="S35" s="656" t="s">
        <v>284</v>
      </c>
      <c r="T35" s="658">
        <v>2087</v>
      </c>
      <c r="U35" s="322">
        <v>2078</v>
      </c>
      <c r="V35" s="105">
        <v>0</v>
      </c>
      <c r="W35" s="103">
        <v>9</v>
      </c>
    </row>
    <row r="36" spans="1:23" ht="19.5" customHeight="1" x14ac:dyDescent="0.15">
      <c r="A36" s="107" t="s">
        <v>10</v>
      </c>
      <c r="B36" s="336">
        <v>3031</v>
      </c>
      <c r="C36" s="325">
        <v>99.117069980379341</v>
      </c>
      <c r="D36" s="336">
        <v>27</v>
      </c>
      <c r="E36" s="321">
        <v>0.88293001962066708</v>
      </c>
      <c r="F36" s="323">
        <v>3058</v>
      </c>
      <c r="G36" s="318">
        <v>2493</v>
      </c>
      <c r="H36" s="321">
        <v>81.523871811641584</v>
      </c>
      <c r="I36" s="322">
        <v>46</v>
      </c>
      <c r="J36" s="321">
        <v>1.5042511445389144</v>
      </c>
      <c r="K36" s="322">
        <v>515</v>
      </c>
      <c r="L36" s="321">
        <v>16.84107259646828</v>
      </c>
      <c r="M36" s="322">
        <v>4</v>
      </c>
      <c r="N36" s="321">
        <v>0.13080444735120994</v>
      </c>
      <c r="O36" s="320">
        <v>3058</v>
      </c>
      <c r="P36" s="319">
        <v>14</v>
      </c>
      <c r="Q36" s="102">
        <v>3072</v>
      </c>
      <c r="R36" s="319">
        <v>0</v>
      </c>
      <c r="S36" s="656" t="s">
        <v>284</v>
      </c>
      <c r="T36" s="658">
        <v>2205</v>
      </c>
      <c r="U36" s="322">
        <v>2201</v>
      </c>
      <c r="V36" s="105">
        <v>4</v>
      </c>
      <c r="W36" s="103">
        <v>0</v>
      </c>
    </row>
    <row r="37" spans="1:23" ht="19.5" customHeight="1" thickBot="1" x14ac:dyDescent="0.2">
      <c r="A37" s="101" t="s">
        <v>9</v>
      </c>
      <c r="B37" s="335">
        <v>4817</v>
      </c>
      <c r="C37" s="317">
        <v>93.697724178175463</v>
      </c>
      <c r="D37" s="335">
        <v>324</v>
      </c>
      <c r="E37" s="313">
        <v>6.3022758218245478</v>
      </c>
      <c r="F37" s="300">
        <v>5141</v>
      </c>
      <c r="G37" s="311">
        <v>3621</v>
      </c>
      <c r="H37" s="333">
        <v>70.433767749465076</v>
      </c>
      <c r="I37" s="307">
        <v>53</v>
      </c>
      <c r="J37" s="333">
        <v>1.0309278350515463</v>
      </c>
      <c r="K37" s="334">
        <v>1465</v>
      </c>
      <c r="L37" s="333">
        <v>28.496401478311611</v>
      </c>
      <c r="M37" s="307">
        <v>2</v>
      </c>
      <c r="N37" s="313">
        <v>3.8902937171756469E-2</v>
      </c>
      <c r="O37" s="312">
        <v>5141</v>
      </c>
      <c r="P37" s="332">
        <v>3</v>
      </c>
      <c r="Q37" s="114">
        <v>5144</v>
      </c>
      <c r="R37" s="332">
        <v>0</v>
      </c>
      <c r="S37" s="656" t="s">
        <v>284</v>
      </c>
      <c r="T37" s="661">
        <v>3201</v>
      </c>
      <c r="U37" s="307">
        <v>3199</v>
      </c>
      <c r="V37" s="117">
        <v>2</v>
      </c>
      <c r="W37" s="115">
        <v>0</v>
      </c>
    </row>
    <row r="38" spans="1:23" ht="19.5" customHeight="1" x14ac:dyDescent="0.15">
      <c r="A38" s="113" t="s">
        <v>8</v>
      </c>
      <c r="B38" s="324">
        <v>11874</v>
      </c>
      <c r="C38" s="331">
        <v>87.650402303092932</v>
      </c>
      <c r="D38" s="324">
        <v>1673</v>
      </c>
      <c r="E38" s="330">
        <v>12.349597696907063</v>
      </c>
      <c r="F38" s="323">
        <v>13547</v>
      </c>
      <c r="G38" s="329">
        <v>12849</v>
      </c>
      <c r="H38" s="328">
        <v>94.847567727172063</v>
      </c>
      <c r="I38" s="329">
        <v>0</v>
      </c>
      <c r="J38" s="328">
        <v>0</v>
      </c>
      <c r="K38" s="329">
        <v>698</v>
      </c>
      <c r="L38" s="328">
        <v>5.1524322728279319</v>
      </c>
      <c r="M38" s="346">
        <v>0</v>
      </c>
      <c r="N38" s="345">
        <v>0</v>
      </c>
      <c r="O38" s="320">
        <v>13547</v>
      </c>
      <c r="P38" s="326">
        <v>0</v>
      </c>
      <c r="Q38" s="327">
        <v>13547</v>
      </c>
      <c r="R38" s="326">
        <v>0</v>
      </c>
      <c r="S38" s="656" t="s">
        <v>284</v>
      </c>
      <c r="T38" s="658">
        <v>11179</v>
      </c>
      <c r="U38" s="337">
        <v>11179</v>
      </c>
      <c r="V38" s="111">
        <v>0</v>
      </c>
      <c r="W38" s="109">
        <v>0</v>
      </c>
    </row>
    <row r="39" spans="1:23" ht="19.5" customHeight="1" x14ac:dyDescent="0.15">
      <c r="A39" s="107" t="s">
        <v>7</v>
      </c>
      <c r="B39" s="324">
        <v>1996</v>
      </c>
      <c r="C39" s="325">
        <v>74.840644919385085</v>
      </c>
      <c r="D39" s="324">
        <v>671</v>
      </c>
      <c r="E39" s="321">
        <v>25.159355080614926</v>
      </c>
      <c r="F39" s="323">
        <v>2667</v>
      </c>
      <c r="G39" s="318">
        <v>2107</v>
      </c>
      <c r="H39" s="321">
        <v>79.00262467191601</v>
      </c>
      <c r="I39" s="322">
        <v>24</v>
      </c>
      <c r="J39" s="321">
        <v>0.89988751406074252</v>
      </c>
      <c r="K39" s="322">
        <v>535</v>
      </c>
      <c r="L39" s="321">
        <v>20.059992500937383</v>
      </c>
      <c r="M39" s="322">
        <v>1</v>
      </c>
      <c r="N39" s="321">
        <v>3.7495313085864269E-2</v>
      </c>
      <c r="O39" s="320">
        <v>2667</v>
      </c>
      <c r="P39" s="319">
        <v>17</v>
      </c>
      <c r="Q39" s="102">
        <v>2684</v>
      </c>
      <c r="R39" s="319">
        <v>0</v>
      </c>
      <c r="S39" s="656" t="s">
        <v>284</v>
      </c>
      <c r="T39" s="658">
        <v>1835</v>
      </c>
      <c r="U39" s="322">
        <v>1834</v>
      </c>
      <c r="V39" s="105">
        <v>1</v>
      </c>
      <c r="W39" s="103">
        <v>0</v>
      </c>
    </row>
    <row r="40" spans="1:23" ht="19.5" customHeight="1" x14ac:dyDescent="0.15">
      <c r="A40" s="107" t="s">
        <v>6</v>
      </c>
      <c r="B40" s="324">
        <v>8654</v>
      </c>
      <c r="C40" s="325">
        <v>74.016421484775918</v>
      </c>
      <c r="D40" s="324">
        <v>3038</v>
      </c>
      <c r="E40" s="321">
        <v>25.983578515224089</v>
      </c>
      <c r="F40" s="323">
        <v>11692</v>
      </c>
      <c r="G40" s="318">
        <v>9528</v>
      </c>
      <c r="H40" s="321">
        <v>81.491618200478953</v>
      </c>
      <c r="I40" s="322">
        <v>89</v>
      </c>
      <c r="J40" s="321">
        <v>0.76120424221690042</v>
      </c>
      <c r="K40" s="322">
        <v>2075</v>
      </c>
      <c r="L40" s="321">
        <v>17.747177557304138</v>
      </c>
      <c r="M40" s="322">
        <v>0</v>
      </c>
      <c r="N40" s="321">
        <v>0</v>
      </c>
      <c r="O40" s="320">
        <v>11692</v>
      </c>
      <c r="P40" s="319">
        <v>19</v>
      </c>
      <c r="Q40" s="102">
        <v>11711</v>
      </c>
      <c r="R40" s="319">
        <v>0</v>
      </c>
      <c r="S40" s="656" t="s">
        <v>284</v>
      </c>
      <c r="T40" s="658">
        <v>8292</v>
      </c>
      <c r="U40" s="322">
        <v>8292</v>
      </c>
      <c r="V40" s="105">
        <v>0</v>
      </c>
      <c r="W40" s="103">
        <v>0</v>
      </c>
    </row>
    <row r="41" spans="1:23" ht="19.5" customHeight="1" x14ac:dyDescent="0.15">
      <c r="A41" s="107" t="s">
        <v>5</v>
      </c>
      <c r="B41" s="324">
        <v>9966</v>
      </c>
      <c r="C41" s="325">
        <v>87.821642580190343</v>
      </c>
      <c r="D41" s="324">
        <v>1382</v>
      </c>
      <c r="E41" s="321">
        <v>12.178357419809659</v>
      </c>
      <c r="F41" s="323">
        <v>11348</v>
      </c>
      <c r="G41" s="318">
        <v>8247</v>
      </c>
      <c r="H41" s="321">
        <v>72.673598872047933</v>
      </c>
      <c r="I41" s="322">
        <v>144</v>
      </c>
      <c r="J41" s="321">
        <v>1.2689460697920338</v>
      </c>
      <c r="K41" s="322">
        <v>2858</v>
      </c>
      <c r="L41" s="321">
        <v>25.185054635178005</v>
      </c>
      <c r="M41" s="322">
        <v>99</v>
      </c>
      <c r="N41" s="321">
        <v>0.87240042298202325</v>
      </c>
      <c r="O41" s="320">
        <v>11348</v>
      </c>
      <c r="P41" s="319">
        <v>329</v>
      </c>
      <c r="Q41" s="102">
        <v>11677</v>
      </c>
      <c r="R41" s="319">
        <v>0</v>
      </c>
      <c r="S41" s="656" t="s">
        <v>284</v>
      </c>
      <c r="T41" s="658">
        <v>7478</v>
      </c>
      <c r="U41" s="322">
        <v>7379</v>
      </c>
      <c r="V41" s="105">
        <v>99</v>
      </c>
      <c r="W41" s="103">
        <v>0</v>
      </c>
    </row>
    <row r="42" spans="1:23" ht="19.5" customHeight="1" thickBot="1" x14ac:dyDescent="0.2">
      <c r="A42" s="101" t="s">
        <v>4</v>
      </c>
      <c r="B42" s="316">
        <v>894</v>
      </c>
      <c r="C42" s="317">
        <v>99.554565701559014</v>
      </c>
      <c r="D42" s="316">
        <v>4</v>
      </c>
      <c r="E42" s="313">
        <v>0.44543429844097993</v>
      </c>
      <c r="F42" s="315">
        <v>898</v>
      </c>
      <c r="G42" s="314">
        <v>647</v>
      </c>
      <c r="H42" s="313">
        <v>72.0489977728285</v>
      </c>
      <c r="I42" s="307">
        <v>0</v>
      </c>
      <c r="J42" s="313">
        <v>0</v>
      </c>
      <c r="K42" s="307">
        <v>251</v>
      </c>
      <c r="L42" s="313">
        <v>27.95100222717149</v>
      </c>
      <c r="M42" s="307">
        <v>0</v>
      </c>
      <c r="N42" s="313">
        <v>0</v>
      </c>
      <c r="O42" s="312">
        <v>898</v>
      </c>
      <c r="P42" s="295">
        <v>0</v>
      </c>
      <c r="Q42" s="114">
        <v>898</v>
      </c>
      <c r="R42" s="295">
        <v>0</v>
      </c>
      <c r="S42" s="656" t="s">
        <v>284</v>
      </c>
      <c r="T42" s="659">
        <v>578</v>
      </c>
      <c r="U42" s="307">
        <v>578</v>
      </c>
      <c r="V42" s="117">
        <v>0</v>
      </c>
      <c r="W42" s="115">
        <v>0</v>
      </c>
    </row>
    <row r="43" spans="1:23" ht="19.5" customHeight="1" thickBot="1" x14ac:dyDescent="0.2">
      <c r="A43" s="95" t="s">
        <v>65</v>
      </c>
      <c r="B43" s="303">
        <v>85802</v>
      </c>
      <c r="C43" s="310">
        <v>89.074600834665617</v>
      </c>
      <c r="D43" s="309">
        <v>10524</v>
      </c>
      <c r="E43" s="298">
        <v>10.925399165334387</v>
      </c>
      <c r="F43" s="308">
        <v>96326</v>
      </c>
      <c r="G43" s="299">
        <v>75946</v>
      </c>
      <c r="H43" s="298">
        <v>78.842680065610523</v>
      </c>
      <c r="I43" s="299">
        <v>636</v>
      </c>
      <c r="J43" s="298">
        <v>0.66025787430185001</v>
      </c>
      <c r="K43" s="299">
        <v>19505</v>
      </c>
      <c r="L43" s="298">
        <v>20.248946286568529</v>
      </c>
      <c r="M43" s="665">
        <v>239</v>
      </c>
      <c r="N43" s="298">
        <v>0.24811577351909142</v>
      </c>
      <c r="O43" s="297">
        <v>96326</v>
      </c>
      <c r="P43" s="305">
        <v>2133</v>
      </c>
      <c r="Q43" s="306">
        <v>98459</v>
      </c>
      <c r="R43" s="305" t="s">
        <v>184</v>
      </c>
      <c r="S43" s="656"/>
      <c r="T43" s="91">
        <v>67787</v>
      </c>
      <c r="U43" s="311">
        <v>67513</v>
      </c>
      <c r="V43" s="88">
        <v>239</v>
      </c>
      <c r="W43" s="85">
        <v>35</v>
      </c>
    </row>
    <row r="44" spans="1:23" ht="19.5" customHeight="1" thickBot="1" x14ac:dyDescent="0.2">
      <c r="A44" s="304" t="s">
        <v>148</v>
      </c>
      <c r="B44" s="303">
        <v>2222725</v>
      </c>
      <c r="C44" s="302">
        <v>95.02617711513912</v>
      </c>
      <c r="D44" s="301">
        <v>116341</v>
      </c>
      <c r="E44" s="298">
        <v>4.9738228848608808</v>
      </c>
      <c r="F44" s="300">
        <v>2339066</v>
      </c>
      <c r="G44" s="299">
        <v>1949666</v>
      </c>
      <c r="H44" s="298">
        <v>83.352329519560371</v>
      </c>
      <c r="I44" s="299">
        <v>5947</v>
      </c>
      <c r="J44" s="298">
        <v>0.25424678055257954</v>
      </c>
      <c r="K44" s="299">
        <v>374153</v>
      </c>
      <c r="L44" s="298">
        <v>15.995829104437412</v>
      </c>
      <c r="M44" s="665">
        <v>9300</v>
      </c>
      <c r="N44" s="298">
        <v>0.39759459544963671</v>
      </c>
      <c r="O44" s="297">
        <v>2339066</v>
      </c>
      <c r="P44" s="295">
        <v>196400</v>
      </c>
      <c r="Q44" s="296">
        <v>2535466</v>
      </c>
      <c r="R44" s="295" t="s">
        <v>184</v>
      </c>
      <c r="S44" s="656"/>
      <c r="T44" s="294">
        <v>1721495</v>
      </c>
      <c r="U44" s="293">
        <v>1701520</v>
      </c>
      <c r="V44" s="87">
        <v>9300</v>
      </c>
      <c r="W44" s="92">
        <v>10675</v>
      </c>
    </row>
    <row r="45" spans="1:23" s="83" customFormat="1" ht="15.75" customHeight="1" x14ac:dyDescent="0.15">
      <c r="A45" s="292" t="s">
        <v>264</v>
      </c>
      <c r="C45" s="291"/>
      <c r="E45" s="290"/>
      <c r="H45" s="290"/>
      <c r="J45" s="290"/>
      <c r="L45" s="290"/>
      <c r="N45" s="290"/>
    </row>
    <row r="46" spans="1:23" ht="15.75" customHeight="1" x14ac:dyDescent="0.15">
      <c r="A46" s="657" t="s">
        <v>265</v>
      </c>
      <c r="B46" s="287"/>
    </row>
    <row r="58" spans="1:14" ht="16.5" customHeight="1" x14ac:dyDescent="0.15">
      <c r="A58" s="82"/>
      <c r="B58" s="287"/>
      <c r="C58" s="287"/>
      <c r="E58" s="287"/>
      <c r="H58" s="287"/>
      <c r="J58" s="287"/>
      <c r="L58" s="287"/>
      <c r="N58" s="287"/>
    </row>
  </sheetData>
  <mergeCells count="5">
    <mergeCell ref="W5:W8"/>
    <mergeCell ref="B4:F4"/>
    <mergeCell ref="G4:O4"/>
    <mergeCell ref="Q6:Q7"/>
    <mergeCell ref="V5:V8"/>
  </mergeCells>
  <phoneticPr fontId="3"/>
  <conditionalFormatting sqref="B9:W44">
    <cfRule type="cellIs" dxfId="23" priority="1" operator="equal">
      <formula>0</formula>
    </cfRule>
  </conditionalFormatting>
  <pageMargins left="0.59055118110236227" right="0.59055118110236227" top="0.78740157480314965" bottom="0.78740157480314965" header="0.51181102362204722" footer="0.39370078740157483"/>
  <pageSetup paperSize="9" scale="90" fitToWidth="2" orientation="portrait" r:id="rId1"/>
  <headerFooter alignWithMargins="0"/>
  <colBreaks count="1" manualBreakCount="1">
    <brk id="12" max="4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3"/>
  <dimension ref="A2:Q41"/>
  <sheetViews>
    <sheetView topLeftCell="A2" zoomScaleNormal="100" zoomScaleSheetLayoutView="85" workbookViewId="0">
      <pane xSplit="2" ySplit="7" topLeftCell="C9" activePane="bottomRight" state="frozen"/>
      <selection activeCell="Q32" sqref="Q32"/>
      <selection pane="topRight" activeCell="Q32" sqref="Q32"/>
      <selection pane="bottomLeft" activeCell="Q32" sqref="Q32"/>
      <selection pane="bottomRight" activeCell="J14" sqref="J14"/>
    </sheetView>
  </sheetViews>
  <sheetFormatPr defaultColWidth="9" defaultRowHeight="16.5" customHeight="1" x14ac:dyDescent="0.15"/>
  <cols>
    <col min="1" max="1" width="18.375" style="431" customWidth="1"/>
    <col min="2" max="2" width="10.875" style="434" customWidth="1"/>
    <col min="3" max="3" width="8.625" style="433" customWidth="1"/>
    <col min="4" max="4" width="8.625" style="431" customWidth="1"/>
    <col min="5" max="5" width="5.875" style="432" customWidth="1"/>
    <col min="6" max="7" width="8.625" style="431" customWidth="1"/>
    <col min="8" max="8" width="5.875" style="432" customWidth="1"/>
    <col min="9" max="10" width="8.625" style="431" customWidth="1"/>
    <col min="11" max="11" width="5.875" style="432" customWidth="1"/>
    <col min="12" max="12" width="8.625" style="431" customWidth="1"/>
    <col min="13" max="13" width="5.875" style="432" customWidth="1"/>
    <col min="14" max="14" width="12" style="431" hidden="1" customWidth="1"/>
    <col min="15" max="15" width="22.375" style="432" hidden="1" customWidth="1"/>
    <col min="16" max="16" width="8.625" style="431" customWidth="1"/>
    <col min="17" max="16384" width="9" style="431"/>
  </cols>
  <sheetData>
    <row r="2" spans="1:17" ht="9" customHeight="1" x14ac:dyDescent="0.15">
      <c r="A2" s="520"/>
      <c r="B2" s="519"/>
      <c r="C2" s="519"/>
      <c r="D2" s="519"/>
      <c r="E2" s="518"/>
      <c r="I2" s="158"/>
      <c r="J2" s="158"/>
      <c r="K2" s="517"/>
      <c r="L2" s="158"/>
      <c r="M2" s="517"/>
    </row>
    <row r="3" spans="1:17" s="510" customFormat="1" ht="16.5" customHeight="1" thickBot="1" x14ac:dyDescent="0.2">
      <c r="A3" s="516" t="s">
        <v>202</v>
      </c>
      <c r="B3" s="515"/>
      <c r="C3" s="514"/>
      <c r="D3" s="513"/>
      <c r="E3" s="512"/>
      <c r="H3" s="512"/>
      <c r="K3" s="512"/>
      <c r="M3" s="512"/>
      <c r="O3" s="512"/>
      <c r="P3" s="511" t="s">
        <v>201</v>
      </c>
    </row>
    <row r="4" spans="1:17" s="433" customFormat="1" ht="27" customHeight="1" thickBot="1" x14ac:dyDescent="0.2">
      <c r="A4" s="509"/>
      <c r="B4" s="508"/>
      <c r="C4" s="1740" t="s">
        <v>200</v>
      </c>
      <c r="D4" s="1741"/>
      <c r="E4" s="1742"/>
      <c r="F4" s="1744" t="s">
        <v>199</v>
      </c>
      <c r="G4" s="1745"/>
      <c r="H4" s="1745"/>
      <c r="I4" s="1745"/>
      <c r="J4" s="1745"/>
      <c r="K4" s="1745"/>
      <c r="L4" s="1745"/>
      <c r="M4" s="1745"/>
      <c r="N4" s="1745"/>
      <c r="O4" s="1745"/>
      <c r="P4" s="1746"/>
      <c r="Q4" s="158"/>
    </row>
    <row r="5" spans="1:17" s="433" customFormat="1" ht="27" customHeight="1" x14ac:dyDescent="0.15">
      <c r="A5" s="492"/>
      <c r="B5" s="1736" t="s">
        <v>198</v>
      </c>
      <c r="C5" s="507"/>
      <c r="D5" s="506"/>
      <c r="E5" s="505"/>
      <c r="F5" s="504"/>
      <c r="G5" s="503"/>
      <c r="H5" s="501"/>
      <c r="I5" s="502"/>
      <c r="J5" s="502"/>
      <c r="K5" s="502"/>
      <c r="L5" s="502"/>
      <c r="M5" s="502"/>
      <c r="N5" s="502"/>
      <c r="O5" s="501"/>
      <c r="P5" s="500" t="s">
        <v>75</v>
      </c>
      <c r="Q5" s="158"/>
    </row>
    <row r="6" spans="1:17" s="433" customFormat="1" ht="27" customHeight="1" x14ac:dyDescent="0.15">
      <c r="A6" s="492" t="s">
        <v>197</v>
      </c>
      <c r="B6" s="1737"/>
      <c r="C6" s="1743" t="s">
        <v>270</v>
      </c>
      <c r="D6" s="499" t="s">
        <v>79</v>
      </c>
      <c r="E6" s="495"/>
      <c r="F6" s="498" t="s">
        <v>78</v>
      </c>
      <c r="G6" s="497"/>
      <c r="H6" s="496"/>
      <c r="I6" s="494" t="s">
        <v>77</v>
      </c>
      <c r="J6" s="497"/>
      <c r="K6" s="496"/>
      <c r="L6" s="494" t="s">
        <v>76</v>
      </c>
      <c r="M6" s="495"/>
      <c r="N6" s="494" t="s">
        <v>75</v>
      </c>
      <c r="O6" s="493"/>
      <c r="P6" s="1747" t="s">
        <v>196</v>
      </c>
      <c r="Q6" s="158"/>
    </row>
    <row r="7" spans="1:17" s="433" customFormat="1" ht="27" customHeight="1" x14ac:dyDescent="0.15">
      <c r="A7" s="492"/>
      <c r="B7" s="1737"/>
      <c r="C7" s="1743"/>
      <c r="D7" s="1738" t="s">
        <v>195</v>
      </c>
      <c r="E7" s="491" t="s">
        <v>158</v>
      </c>
      <c r="F7" s="490" t="s">
        <v>165</v>
      </c>
      <c r="G7" s="1748" t="s">
        <v>194</v>
      </c>
      <c r="H7" s="489" t="s">
        <v>164</v>
      </c>
      <c r="I7" s="488" t="s">
        <v>163</v>
      </c>
      <c r="J7" s="1748" t="s">
        <v>193</v>
      </c>
      <c r="K7" s="487" t="s">
        <v>162</v>
      </c>
      <c r="L7" s="486" t="s">
        <v>161</v>
      </c>
      <c r="M7" s="485" t="s">
        <v>160</v>
      </c>
      <c r="N7" s="486" t="s">
        <v>123</v>
      </c>
      <c r="O7" s="485" t="s">
        <v>192</v>
      </c>
      <c r="P7" s="1747"/>
      <c r="Q7" s="158"/>
    </row>
    <row r="8" spans="1:17" s="433" customFormat="1" ht="27" customHeight="1" thickBot="1" x14ac:dyDescent="0.2">
      <c r="A8" s="484"/>
      <c r="B8" s="474"/>
      <c r="C8" s="483"/>
      <c r="D8" s="1739"/>
      <c r="E8" s="478" t="s">
        <v>1</v>
      </c>
      <c r="F8" s="482"/>
      <c r="G8" s="1749"/>
      <c r="H8" s="481" t="s">
        <v>1</v>
      </c>
      <c r="I8" s="480" t="s">
        <v>152</v>
      </c>
      <c r="J8" s="1749"/>
      <c r="K8" s="478" t="s">
        <v>1</v>
      </c>
      <c r="L8" s="479"/>
      <c r="M8" s="478" t="s">
        <v>1</v>
      </c>
      <c r="N8" s="477"/>
      <c r="O8" s="476" t="s">
        <v>1</v>
      </c>
      <c r="P8" s="475" t="s">
        <v>191</v>
      </c>
      <c r="Q8" s="158"/>
    </row>
    <row r="9" spans="1:17" ht="25.5" customHeight="1" x14ac:dyDescent="0.15">
      <c r="A9" s="1731" t="s">
        <v>190</v>
      </c>
      <c r="B9" s="462" t="s">
        <v>26</v>
      </c>
      <c r="C9" s="454">
        <v>43639</v>
      </c>
      <c r="D9" s="461">
        <v>33550</v>
      </c>
      <c r="E9" s="458">
        <v>76.880771786704543</v>
      </c>
      <c r="F9" s="460">
        <v>32288</v>
      </c>
      <c r="G9" s="459">
        <v>190</v>
      </c>
      <c r="H9" s="458">
        <v>96.23845007451564</v>
      </c>
      <c r="I9" s="459">
        <v>474</v>
      </c>
      <c r="J9" s="459" t="s">
        <v>0</v>
      </c>
      <c r="K9" s="458">
        <v>1.4128166915052163</v>
      </c>
      <c r="L9" s="459">
        <v>788</v>
      </c>
      <c r="M9" s="458">
        <v>2.3487332339791358</v>
      </c>
      <c r="N9" s="459" t="s">
        <v>184</v>
      </c>
      <c r="O9" s="458">
        <v>0</v>
      </c>
      <c r="P9" s="457">
        <v>33550</v>
      </c>
    </row>
    <row r="10" spans="1:17" ht="25.5" customHeight="1" x14ac:dyDescent="0.15">
      <c r="A10" s="1732"/>
      <c r="B10" s="450" t="s">
        <v>23</v>
      </c>
      <c r="C10" s="448">
        <v>25258</v>
      </c>
      <c r="D10" s="461">
        <v>21989</v>
      </c>
      <c r="E10" s="446">
        <v>87.057565919708608</v>
      </c>
      <c r="F10" s="460">
        <v>21275</v>
      </c>
      <c r="G10" s="447">
        <v>107</v>
      </c>
      <c r="H10" s="446">
        <v>96.752921915503208</v>
      </c>
      <c r="I10" s="459">
        <v>267</v>
      </c>
      <c r="J10" s="447" t="s">
        <v>184</v>
      </c>
      <c r="K10" s="446">
        <v>1.2142434853790531</v>
      </c>
      <c r="L10" s="447">
        <v>447</v>
      </c>
      <c r="M10" s="446">
        <v>2.0328345991177406</v>
      </c>
      <c r="N10" s="447" t="s">
        <v>184</v>
      </c>
      <c r="O10" s="446">
        <v>0</v>
      </c>
      <c r="P10" s="445">
        <v>21989</v>
      </c>
    </row>
    <row r="11" spans="1:17" ht="25.5" customHeight="1" thickBot="1" x14ac:dyDescent="0.2">
      <c r="A11" s="1733"/>
      <c r="B11" s="444" t="s">
        <v>189</v>
      </c>
      <c r="C11" s="442">
        <v>68897</v>
      </c>
      <c r="D11" s="443">
        <v>55539</v>
      </c>
      <c r="E11" s="440">
        <v>80.611637662017216</v>
      </c>
      <c r="F11" s="442">
        <v>53563</v>
      </c>
      <c r="G11" s="441">
        <v>297</v>
      </c>
      <c r="H11" s="440">
        <v>96.44213975764778</v>
      </c>
      <c r="I11" s="441">
        <v>741</v>
      </c>
      <c r="J11" s="441" t="s">
        <v>258</v>
      </c>
      <c r="K11" s="440">
        <v>1.3341975908820829</v>
      </c>
      <c r="L11" s="441">
        <v>1235</v>
      </c>
      <c r="M11" s="440">
        <v>2.2236626514701383</v>
      </c>
      <c r="N11" s="441" t="s">
        <v>184</v>
      </c>
      <c r="O11" s="440">
        <v>0</v>
      </c>
      <c r="P11" s="439">
        <v>55539</v>
      </c>
    </row>
    <row r="12" spans="1:17" ht="25.5" customHeight="1" x14ac:dyDescent="0.15">
      <c r="A12" s="1731" t="s">
        <v>188</v>
      </c>
      <c r="B12" s="456" t="s">
        <v>22</v>
      </c>
      <c r="C12" s="454">
        <v>34241</v>
      </c>
      <c r="D12" s="461">
        <v>25022</v>
      </c>
      <c r="E12" s="458">
        <v>73.076136795070241</v>
      </c>
      <c r="F12" s="460">
        <v>24911</v>
      </c>
      <c r="G12" s="459">
        <v>0</v>
      </c>
      <c r="H12" s="458">
        <v>99.556390376468713</v>
      </c>
      <c r="I12" s="459">
        <v>0</v>
      </c>
      <c r="J12" s="459" t="s">
        <v>0</v>
      </c>
      <c r="K12" s="458">
        <v>0</v>
      </c>
      <c r="L12" s="459">
        <v>111</v>
      </c>
      <c r="M12" s="452">
        <v>0.44360962353129252</v>
      </c>
      <c r="N12" s="453" t="s">
        <v>184</v>
      </c>
      <c r="O12" s="452">
        <v>0</v>
      </c>
      <c r="P12" s="451">
        <v>25022</v>
      </c>
    </row>
    <row r="13" spans="1:17" ht="25.5" customHeight="1" x14ac:dyDescent="0.15">
      <c r="A13" s="1732"/>
      <c r="B13" s="462" t="s">
        <v>21</v>
      </c>
      <c r="C13" s="460">
        <v>31143</v>
      </c>
      <c r="D13" s="461">
        <v>23524</v>
      </c>
      <c r="E13" s="458">
        <v>75.535433323700346</v>
      </c>
      <c r="F13" s="460">
        <v>23446</v>
      </c>
      <c r="G13" s="459">
        <v>0</v>
      </c>
      <c r="H13" s="458">
        <v>99.668423737459605</v>
      </c>
      <c r="I13" s="459">
        <v>0</v>
      </c>
      <c r="J13" s="459" t="s">
        <v>0</v>
      </c>
      <c r="K13" s="458">
        <v>0</v>
      </c>
      <c r="L13" s="459">
        <v>78</v>
      </c>
      <c r="M13" s="458">
        <v>0.33157626254038425</v>
      </c>
      <c r="N13" s="459" t="s">
        <v>184</v>
      </c>
      <c r="O13" s="458">
        <v>0</v>
      </c>
      <c r="P13" s="457">
        <v>23524</v>
      </c>
    </row>
    <row r="14" spans="1:17" ht="25.5" customHeight="1" x14ac:dyDescent="0.15">
      <c r="A14" s="1732"/>
      <c r="B14" s="450" t="s">
        <v>19</v>
      </c>
      <c r="C14" s="448">
        <v>21529</v>
      </c>
      <c r="D14" s="449">
        <v>16037</v>
      </c>
      <c r="E14" s="446">
        <v>74.490222490594078</v>
      </c>
      <c r="F14" s="448">
        <v>15994</v>
      </c>
      <c r="G14" s="447">
        <v>0</v>
      </c>
      <c r="H14" s="446">
        <v>99.731870050508192</v>
      </c>
      <c r="I14" s="447">
        <v>0</v>
      </c>
      <c r="J14" s="447" t="s">
        <v>0</v>
      </c>
      <c r="K14" s="446">
        <v>0</v>
      </c>
      <c r="L14" s="447">
        <v>43</v>
      </c>
      <c r="M14" s="446">
        <v>0.26812994949180025</v>
      </c>
      <c r="N14" s="447" t="s">
        <v>184</v>
      </c>
      <c r="O14" s="446">
        <v>0</v>
      </c>
      <c r="P14" s="445">
        <v>16037</v>
      </c>
    </row>
    <row r="15" spans="1:17" ht="25.5" customHeight="1" thickBot="1" x14ac:dyDescent="0.2">
      <c r="A15" s="1733"/>
      <c r="B15" s="444" t="s">
        <v>121</v>
      </c>
      <c r="C15" s="442">
        <v>86913</v>
      </c>
      <c r="D15" s="443">
        <v>64583</v>
      </c>
      <c r="E15" s="440">
        <v>74.307640974307645</v>
      </c>
      <c r="F15" s="442">
        <v>64351</v>
      </c>
      <c r="G15" s="441" t="s">
        <v>184</v>
      </c>
      <c r="H15" s="440">
        <v>99.640772339470146</v>
      </c>
      <c r="I15" s="441" t="s">
        <v>184</v>
      </c>
      <c r="J15" s="441" t="s">
        <v>184</v>
      </c>
      <c r="K15" s="440">
        <v>0</v>
      </c>
      <c r="L15" s="441">
        <v>232</v>
      </c>
      <c r="M15" s="440">
        <v>0.35922766052986077</v>
      </c>
      <c r="N15" s="441" t="s">
        <v>184</v>
      </c>
      <c r="O15" s="440">
        <v>0</v>
      </c>
      <c r="P15" s="439">
        <v>64583</v>
      </c>
    </row>
    <row r="16" spans="1:17" ht="25.5" customHeight="1" x14ac:dyDescent="0.15">
      <c r="A16" s="1731" t="s">
        <v>187</v>
      </c>
      <c r="B16" s="456" t="s">
        <v>7</v>
      </c>
      <c r="C16" s="454">
        <v>2667</v>
      </c>
      <c r="D16" s="455">
        <v>2667</v>
      </c>
      <c r="E16" s="452">
        <v>100</v>
      </c>
      <c r="F16" s="454">
        <v>2107</v>
      </c>
      <c r="G16" s="453">
        <v>0</v>
      </c>
      <c r="H16" s="452">
        <v>79.00262467191601</v>
      </c>
      <c r="I16" s="453">
        <v>24</v>
      </c>
      <c r="J16" s="453" t="s">
        <v>184</v>
      </c>
      <c r="K16" s="452">
        <v>0.89988751406074252</v>
      </c>
      <c r="L16" s="453">
        <v>536</v>
      </c>
      <c r="M16" s="452">
        <v>20.097487814023246</v>
      </c>
      <c r="N16" s="453" t="s">
        <v>184</v>
      </c>
      <c r="O16" s="452">
        <v>0</v>
      </c>
      <c r="P16" s="451">
        <v>2667</v>
      </c>
    </row>
    <row r="17" spans="1:16" ht="25.5" customHeight="1" x14ac:dyDescent="0.15">
      <c r="A17" s="1732"/>
      <c r="B17" s="462" t="s">
        <v>6</v>
      </c>
      <c r="C17" s="460">
        <v>11692</v>
      </c>
      <c r="D17" s="461">
        <v>11686</v>
      </c>
      <c r="E17" s="458">
        <v>99.948682860075266</v>
      </c>
      <c r="F17" s="460">
        <v>9528</v>
      </c>
      <c r="G17" s="459">
        <v>0</v>
      </c>
      <c r="H17" s="458">
        <v>81.533458839637177</v>
      </c>
      <c r="I17" s="459">
        <v>89</v>
      </c>
      <c r="J17" s="459" t="s">
        <v>184</v>
      </c>
      <c r="K17" s="458">
        <v>0.76159507102515833</v>
      </c>
      <c r="L17" s="459">
        <v>2069</v>
      </c>
      <c r="M17" s="458">
        <v>17.704946089337671</v>
      </c>
      <c r="N17" s="459" t="s">
        <v>184</v>
      </c>
      <c r="O17" s="458">
        <v>0</v>
      </c>
      <c r="P17" s="457">
        <v>11686</v>
      </c>
    </row>
    <row r="18" spans="1:16" ht="25.5" customHeight="1" thickBot="1" x14ac:dyDescent="0.2">
      <c r="A18" s="1733"/>
      <c r="B18" s="474" t="s">
        <v>121</v>
      </c>
      <c r="C18" s="472">
        <v>14359</v>
      </c>
      <c r="D18" s="473">
        <v>14353</v>
      </c>
      <c r="E18" s="470">
        <v>99.958214360331496</v>
      </c>
      <c r="F18" s="472">
        <v>11635</v>
      </c>
      <c r="G18" s="471" t="s">
        <v>184</v>
      </c>
      <c r="H18" s="470">
        <v>81.063192363965726</v>
      </c>
      <c r="I18" s="471">
        <v>113</v>
      </c>
      <c r="J18" s="471" t="s">
        <v>184</v>
      </c>
      <c r="K18" s="446">
        <v>0.78729185536124857</v>
      </c>
      <c r="L18" s="471">
        <v>2605</v>
      </c>
      <c r="M18" s="470">
        <v>18.149515780673031</v>
      </c>
      <c r="N18" s="471" t="s">
        <v>184</v>
      </c>
      <c r="O18" s="470">
        <v>0</v>
      </c>
      <c r="P18" s="469">
        <v>14353</v>
      </c>
    </row>
    <row r="19" spans="1:16" ht="25.5" customHeight="1" x14ac:dyDescent="0.15">
      <c r="A19" s="1731" t="s">
        <v>186</v>
      </c>
      <c r="B19" s="468" t="s">
        <v>13</v>
      </c>
      <c r="C19" s="466">
        <v>2782</v>
      </c>
      <c r="D19" s="467">
        <v>2599</v>
      </c>
      <c r="E19" s="464">
        <v>93.421998562185479</v>
      </c>
      <c r="F19" s="466">
        <v>2339</v>
      </c>
      <c r="G19" s="465">
        <v>0</v>
      </c>
      <c r="H19" s="464">
        <v>89.996152366294723</v>
      </c>
      <c r="I19" s="465">
        <v>21</v>
      </c>
      <c r="J19" s="465" t="s">
        <v>184</v>
      </c>
      <c r="K19" s="452">
        <v>0.80800307810696415</v>
      </c>
      <c r="L19" s="465">
        <v>239</v>
      </c>
      <c r="M19" s="464">
        <v>9.1958445555983062</v>
      </c>
      <c r="N19" s="465" t="s">
        <v>184</v>
      </c>
      <c r="O19" s="464">
        <v>0</v>
      </c>
      <c r="P19" s="463">
        <v>2599</v>
      </c>
    </row>
    <row r="20" spans="1:16" ht="25.5" customHeight="1" x14ac:dyDescent="0.15">
      <c r="A20" s="1732"/>
      <c r="B20" s="462" t="s">
        <v>12</v>
      </c>
      <c r="C20" s="460">
        <v>4841</v>
      </c>
      <c r="D20" s="467">
        <v>3980</v>
      </c>
      <c r="E20" s="464">
        <v>82.214418508572606</v>
      </c>
      <c r="F20" s="466">
        <v>3837</v>
      </c>
      <c r="G20" s="465">
        <v>0</v>
      </c>
      <c r="H20" s="464">
        <v>96.4070351758794</v>
      </c>
      <c r="I20" s="465">
        <v>36</v>
      </c>
      <c r="J20" s="465" t="s">
        <v>184</v>
      </c>
      <c r="K20" s="464">
        <v>0.90452261306532655</v>
      </c>
      <c r="L20" s="465">
        <v>107</v>
      </c>
      <c r="M20" s="458">
        <v>2.6884422110552761</v>
      </c>
      <c r="N20" s="459" t="s">
        <v>184</v>
      </c>
      <c r="O20" s="458">
        <v>0</v>
      </c>
      <c r="P20" s="457">
        <v>3980</v>
      </c>
    </row>
    <row r="21" spans="1:16" ht="25.5" customHeight="1" x14ac:dyDescent="0.15">
      <c r="A21" s="1732"/>
      <c r="B21" s="462" t="s">
        <v>11</v>
      </c>
      <c r="C21" s="460">
        <v>2954</v>
      </c>
      <c r="D21" s="461">
        <v>2558</v>
      </c>
      <c r="E21" s="458">
        <v>86.594448205822616</v>
      </c>
      <c r="F21" s="460">
        <v>2276</v>
      </c>
      <c r="G21" s="459">
        <v>0</v>
      </c>
      <c r="H21" s="458">
        <v>88.975762314308042</v>
      </c>
      <c r="I21" s="459">
        <v>24</v>
      </c>
      <c r="J21" s="459" t="s">
        <v>184</v>
      </c>
      <c r="K21" s="458">
        <v>0.93823299452697428</v>
      </c>
      <c r="L21" s="459">
        <v>258</v>
      </c>
      <c r="M21" s="458">
        <v>10.086004691164971</v>
      </c>
      <c r="N21" s="459" t="s">
        <v>184</v>
      </c>
      <c r="O21" s="458">
        <v>0</v>
      </c>
      <c r="P21" s="457">
        <v>2558</v>
      </c>
    </row>
    <row r="22" spans="1:16" ht="25.5" customHeight="1" thickBot="1" x14ac:dyDescent="0.2">
      <c r="A22" s="1733"/>
      <c r="B22" s="450" t="s">
        <v>121</v>
      </c>
      <c r="C22" s="448">
        <v>10577</v>
      </c>
      <c r="D22" s="449">
        <v>9137</v>
      </c>
      <c r="E22" s="446">
        <v>86.385553559610472</v>
      </c>
      <c r="F22" s="448">
        <v>8452</v>
      </c>
      <c r="G22" s="447" t="s">
        <v>184</v>
      </c>
      <c r="H22" s="446">
        <v>92.503009740615084</v>
      </c>
      <c r="I22" s="447">
        <v>81</v>
      </c>
      <c r="J22" s="447" t="s">
        <v>258</v>
      </c>
      <c r="K22" s="446">
        <v>0.88650541753310719</v>
      </c>
      <c r="L22" s="447">
        <v>604</v>
      </c>
      <c r="M22" s="446">
        <v>6.6104848418518118</v>
      </c>
      <c r="N22" s="447" t="s">
        <v>184</v>
      </c>
      <c r="O22" s="446">
        <v>0</v>
      </c>
      <c r="P22" s="445">
        <v>9137</v>
      </c>
    </row>
    <row r="23" spans="1:16" ht="25.5" customHeight="1" x14ac:dyDescent="0.15">
      <c r="A23" s="1731" t="s">
        <v>185</v>
      </c>
      <c r="B23" s="456" t="s">
        <v>10</v>
      </c>
      <c r="C23" s="454">
        <v>3058</v>
      </c>
      <c r="D23" s="455">
        <v>2618</v>
      </c>
      <c r="E23" s="452">
        <v>85.611510791366911</v>
      </c>
      <c r="F23" s="454">
        <v>2493</v>
      </c>
      <c r="G23" s="453">
        <v>0</v>
      </c>
      <c r="H23" s="452">
        <v>95.225362872421698</v>
      </c>
      <c r="I23" s="453">
        <v>46</v>
      </c>
      <c r="J23" s="453" t="s">
        <v>184</v>
      </c>
      <c r="K23" s="452">
        <v>1.757066462948816</v>
      </c>
      <c r="L23" s="453">
        <v>79</v>
      </c>
      <c r="M23" s="452">
        <v>3.0175706646294884</v>
      </c>
      <c r="N23" s="453" t="s">
        <v>184</v>
      </c>
      <c r="O23" s="452">
        <v>0</v>
      </c>
      <c r="P23" s="451">
        <v>2618</v>
      </c>
    </row>
    <row r="24" spans="1:16" ht="25.5" customHeight="1" x14ac:dyDescent="0.15">
      <c r="A24" s="1732"/>
      <c r="B24" s="450" t="s">
        <v>9</v>
      </c>
      <c r="C24" s="448">
        <v>5141</v>
      </c>
      <c r="D24" s="449">
        <v>3749</v>
      </c>
      <c r="E24" s="446">
        <v>72.923555728457501</v>
      </c>
      <c r="F24" s="448">
        <v>3621</v>
      </c>
      <c r="G24" s="447">
        <v>0</v>
      </c>
      <c r="H24" s="446">
        <v>96.585756201653766</v>
      </c>
      <c r="I24" s="447">
        <v>52</v>
      </c>
      <c r="J24" s="447" t="s">
        <v>184</v>
      </c>
      <c r="K24" s="446">
        <v>1.3870365430781542</v>
      </c>
      <c r="L24" s="447">
        <v>76</v>
      </c>
      <c r="M24" s="446">
        <v>2.0272072552680718</v>
      </c>
      <c r="N24" s="447" t="s">
        <v>184</v>
      </c>
      <c r="O24" s="446">
        <v>0</v>
      </c>
      <c r="P24" s="445">
        <v>3749</v>
      </c>
    </row>
    <row r="25" spans="1:16" ht="25.5" customHeight="1" thickBot="1" x14ac:dyDescent="0.2">
      <c r="A25" s="1733"/>
      <c r="B25" s="444" t="s">
        <v>121</v>
      </c>
      <c r="C25" s="442">
        <v>8199</v>
      </c>
      <c r="D25" s="443">
        <v>6367</v>
      </c>
      <c r="E25" s="440">
        <v>77.655811684351747</v>
      </c>
      <c r="F25" s="442">
        <v>6114</v>
      </c>
      <c r="G25" s="441" t="s">
        <v>184</v>
      </c>
      <c r="H25" s="440">
        <v>96.026386053086227</v>
      </c>
      <c r="I25" s="441">
        <v>98</v>
      </c>
      <c r="J25" s="441" t="s">
        <v>258</v>
      </c>
      <c r="K25" s="440">
        <v>1.5391864300298415</v>
      </c>
      <c r="L25" s="441">
        <v>155</v>
      </c>
      <c r="M25" s="440">
        <v>2.4344275168839324</v>
      </c>
      <c r="N25" s="441" t="s">
        <v>184</v>
      </c>
      <c r="O25" s="440">
        <v>0</v>
      </c>
      <c r="P25" s="439">
        <v>6367</v>
      </c>
    </row>
    <row r="26" spans="1:16" ht="25.5" customHeight="1" thickBot="1" x14ac:dyDescent="0.2">
      <c r="A26" s="1734" t="s">
        <v>183</v>
      </c>
      <c r="B26" s="1735"/>
      <c r="C26" s="442">
        <v>188945</v>
      </c>
      <c r="D26" s="443">
        <v>149979</v>
      </c>
      <c r="E26" s="440">
        <v>79.377067400566304</v>
      </c>
      <c r="F26" s="442">
        <v>144115</v>
      </c>
      <c r="G26" s="441">
        <v>297</v>
      </c>
      <c r="H26" s="440">
        <v>96.090119283366334</v>
      </c>
      <c r="I26" s="441">
        <v>1033</v>
      </c>
      <c r="J26" s="441" t="s">
        <v>258</v>
      </c>
      <c r="K26" s="440">
        <v>0.68876309349975662</v>
      </c>
      <c r="L26" s="441">
        <v>4831</v>
      </c>
      <c r="M26" s="440">
        <v>3.2211176231339054</v>
      </c>
      <c r="N26" s="441" t="s">
        <v>184</v>
      </c>
      <c r="O26" s="440">
        <v>0</v>
      </c>
      <c r="P26" s="439">
        <v>149979</v>
      </c>
    </row>
    <row r="27" spans="1:16" ht="24" customHeight="1" x14ac:dyDescent="0.15">
      <c r="A27" s="436"/>
      <c r="B27" s="436"/>
      <c r="C27" s="432"/>
      <c r="D27" s="432"/>
      <c r="E27" s="436"/>
      <c r="G27" s="436"/>
      <c r="I27" s="436"/>
      <c r="J27" s="436"/>
      <c r="L27" s="436"/>
      <c r="N27" s="436"/>
      <c r="P27" s="436"/>
    </row>
    <row r="28" spans="1:16" ht="24" customHeight="1" x14ac:dyDescent="0.15">
      <c r="A28" s="436"/>
      <c r="B28" s="438"/>
      <c r="C28" s="437"/>
      <c r="D28" s="436"/>
      <c r="F28" s="436"/>
      <c r="G28" s="436"/>
      <c r="I28" s="436"/>
      <c r="J28" s="436"/>
      <c r="L28" s="436"/>
      <c r="N28" s="436"/>
      <c r="P28" s="436"/>
    </row>
    <row r="29" spans="1:16" ht="16.5" customHeight="1" x14ac:dyDescent="0.15">
      <c r="A29" s="436"/>
      <c r="B29" s="438"/>
      <c r="C29" s="437"/>
      <c r="D29" s="436"/>
      <c r="F29" s="436"/>
      <c r="G29" s="436"/>
      <c r="I29" s="436"/>
      <c r="J29" s="436"/>
      <c r="L29" s="436"/>
      <c r="N29" s="436"/>
      <c r="P29" s="436"/>
    </row>
    <row r="41" spans="2:15" ht="16.5" customHeight="1" x14ac:dyDescent="0.15">
      <c r="B41" s="435"/>
      <c r="C41" s="431"/>
      <c r="E41" s="431"/>
      <c r="H41" s="431"/>
      <c r="K41" s="431"/>
      <c r="M41" s="431"/>
      <c r="O41" s="431"/>
    </row>
  </sheetData>
  <mergeCells count="14">
    <mergeCell ref="F4:P4"/>
    <mergeCell ref="P6:P7"/>
    <mergeCell ref="G7:G8"/>
    <mergeCell ref="J7:J8"/>
    <mergeCell ref="A12:A15"/>
    <mergeCell ref="A16:A18"/>
    <mergeCell ref="A26:B26"/>
    <mergeCell ref="B5:B7"/>
    <mergeCell ref="D7:D8"/>
    <mergeCell ref="C4:E4"/>
    <mergeCell ref="C6:C7"/>
    <mergeCell ref="A9:A11"/>
    <mergeCell ref="A19:A22"/>
    <mergeCell ref="A23:A25"/>
  </mergeCells>
  <phoneticPr fontId="3"/>
  <conditionalFormatting sqref="C9:P26">
    <cfRule type="cellIs" dxfId="22" priority="1" operator="equal">
      <formula>0</formula>
    </cfRule>
  </conditionalFormatting>
  <pageMargins left="0.59055118110236227" right="0.59055118110236227" top="0.78740157480314965" bottom="0.78740157480314965" header="0.51181102362204722" footer="0.39370078740157483"/>
  <pageSetup paperSize="9" fitToWidth="2" orientation="portrait" r:id="rId1"/>
  <headerFooter alignWithMargins="0"/>
  <colBreaks count="1" manualBreakCount="1">
    <brk id="8" max="26"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21">
    <pageSetUpPr fitToPage="1"/>
  </sheetPr>
  <dimension ref="A1:K65"/>
  <sheetViews>
    <sheetView zoomScaleNormal="100" zoomScaleSheetLayoutView="100" workbookViewId="0">
      <pane xSplit="1" ySplit="7" topLeftCell="B8" activePane="bottomRight" state="frozen"/>
      <selection activeCell="Q32" sqref="Q32"/>
      <selection pane="topRight" activeCell="Q32" sqref="Q32"/>
      <selection pane="bottomLeft" activeCell="Q32" sqref="Q32"/>
      <selection pane="bottomRight" activeCell="N25" sqref="N25"/>
    </sheetView>
  </sheetViews>
  <sheetFormatPr defaultColWidth="9" defaultRowHeight="16.5" customHeight="1" x14ac:dyDescent="0.15"/>
  <cols>
    <col min="1" max="1" width="10.875" style="523" customWidth="1"/>
    <col min="2" max="2" width="12.5" style="522" customWidth="1"/>
    <col min="3" max="3" width="2.125" style="522" customWidth="1"/>
    <col min="4" max="4" width="12.5" style="521" customWidth="1"/>
    <col min="5" max="5" width="2.125" style="521" customWidth="1"/>
    <col min="6" max="6" width="12.625" style="521" customWidth="1"/>
    <col min="7" max="7" width="2.125" style="521" customWidth="1"/>
    <col min="8" max="8" width="12.5" style="521" customWidth="1"/>
    <col min="9" max="9" width="2.125" style="521" customWidth="1"/>
    <col min="10" max="10" width="12.5" style="521" customWidth="1"/>
    <col min="11" max="11" width="2.125" style="521" customWidth="1"/>
    <col min="12" max="16384" width="9" style="521"/>
  </cols>
  <sheetData>
    <row r="1" spans="1:11" ht="16.5" customHeight="1" x14ac:dyDescent="0.15">
      <c r="A1" s="521"/>
      <c r="B1" s="521"/>
      <c r="C1" s="521"/>
    </row>
    <row r="2" spans="1:11" ht="9" customHeight="1" x14ac:dyDescent="0.15">
      <c r="A2" s="598"/>
      <c r="B2" s="596"/>
      <c r="C2" s="596"/>
      <c r="D2" s="595"/>
      <c r="E2" s="595"/>
      <c r="F2" s="595"/>
      <c r="G2" s="595"/>
      <c r="H2" s="595"/>
      <c r="I2" s="595"/>
      <c r="J2" s="595"/>
      <c r="K2" s="595"/>
    </row>
    <row r="3" spans="1:11" s="522" customFormat="1" ht="16.5" customHeight="1" thickBot="1" x14ac:dyDescent="0.2">
      <c r="A3" s="597" t="s">
        <v>216</v>
      </c>
      <c r="B3" s="596"/>
      <c r="C3" s="596"/>
      <c r="D3" s="595"/>
      <c r="E3" s="595"/>
      <c r="F3" s="595"/>
      <c r="G3" s="595"/>
      <c r="H3" s="595"/>
      <c r="J3" s="595"/>
    </row>
    <row r="4" spans="1:11" s="522" customFormat="1" ht="18" customHeight="1" x14ac:dyDescent="0.15">
      <c r="A4" s="594"/>
      <c r="B4" s="1761" t="s">
        <v>215</v>
      </c>
      <c r="C4" s="1762"/>
      <c r="D4" s="1762"/>
      <c r="E4" s="1762"/>
      <c r="F4" s="1762"/>
      <c r="G4" s="1762"/>
      <c r="H4" s="1762"/>
      <c r="I4" s="1762"/>
      <c r="J4" s="1762"/>
      <c r="K4" s="1763"/>
    </row>
    <row r="5" spans="1:11" s="522" customFormat="1" ht="18" customHeight="1" x14ac:dyDescent="0.15">
      <c r="A5" s="591"/>
      <c r="B5" s="590"/>
      <c r="C5" s="589"/>
      <c r="D5" s="589"/>
      <c r="E5" s="589"/>
      <c r="F5" s="593"/>
      <c r="G5" s="593"/>
      <c r="H5" s="592"/>
      <c r="I5" s="592"/>
      <c r="J5" s="1755" t="s">
        <v>214</v>
      </c>
      <c r="K5" s="1756"/>
    </row>
    <row r="6" spans="1:11" s="522" customFormat="1" ht="17.25" customHeight="1" x14ac:dyDescent="0.15">
      <c r="A6" s="591" t="s">
        <v>56</v>
      </c>
      <c r="B6" s="590"/>
      <c r="C6" s="589"/>
      <c r="D6" s="588"/>
      <c r="E6" s="588"/>
      <c r="F6" s="1757" t="s">
        <v>213</v>
      </c>
      <c r="G6" s="1757"/>
      <c r="H6" s="1769" t="s">
        <v>212</v>
      </c>
      <c r="I6" s="1770"/>
      <c r="J6" s="1757"/>
      <c r="K6" s="1758"/>
    </row>
    <row r="7" spans="1:11" ht="22.5" customHeight="1" thickBot="1" x14ac:dyDescent="0.2">
      <c r="A7" s="587"/>
      <c r="B7" s="1764" t="s">
        <v>211</v>
      </c>
      <c r="C7" s="1765"/>
      <c r="D7" s="1766" t="s">
        <v>210</v>
      </c>
      <c r="E7" s="1767"/>
      <c r="F7" s="1759"/>
      <c r="G7" s="1759"/>
      <c r="H7" s="1771"/>
      <c r="I7" s="1772"/>
      <c r="J7" s="1759"/>
      <c r="K7" s="1760"/>
    </row>
    <row r="8" spans="1:11" ht="17.25" customHeight="1" x14ac:dyDescent="0.15">
      <c r="A8" s="580" t="s">
        <v>37</v>
      </c>
      <c r="B8" s="586">
        <v>629.02361250206548</v>
      </c>
      <c r="C8" s="585"/>
      <c r="D8" s="584">
        <v>33.74943162623174</v>
      </c>
      <c r="E8" s="583"/>
      <c r="F8" s="584">
        <v>662.77304412829722</v>
      </c>
      <c r="G8" s="583"/>
      <c r="H8" s="569">
        <v>88.990568732447713</v>
      </c>
      <c r="I8" s="570"/>
      <c r="J8" s="569">
        <v>751.76361286074496</v>
      </c>
      <c r="K8" s="568"/>
    </row>
    <row r="9" spans="1:11" ht="17.25" customHeight="1" x14ac:dyDescent="0.15">
      <c r="A9" s="578" t="s">
        <v>36</v>
      </c>
      <c r="B9" s="552">
        <v>632.4264531120989</v>
      </c>
      <c r="C9" s="551"/>
      <c r="D9" s="548">
        <v>10.93568387801596</v>
      </c>
      <c r="E9" s="550"/>
      <c r="F9" s="548">
        <v>643.36213699011489</v>
      </c>
      <c r="G9" s="550"/>
      <c r="H9" s="548">
        <v>54.344734492930137</v>
      </c>
      <c r="I9" s="549"/>
      <c r="J9" s="548">
        <v>697.70687148304501</v>
      </c>
      <c r="K9" s="547"/>
    </row>
    <row r="10" spans="1:11" ht="17.25" customHeight="1" x14ac:dyDescent="0.15">
      <c r="A10" s="578" t="s">
        <v>35</v>
      </c>
      <c r="B10" s="552">
        <v>714.77715119699303</v>
      </c>
      <c r="C10" s="551"/>
      <c r="D10" s="548">
        <v>35.451286777964953</v>
      </c>
      <c r="E10" s="550"/>
      <c r="F10" s="548">
        <v>750.22843797495796</v>
      </c>
      <c r="G10" s="550"/>
      <c r="H10" s="548">
        <v>10.014808664714012</v>
      </c>
      <c r="I10" s="549"/>
      <c r="J10" s="548">
        <v>760.24324663967195</v>
      </c>
      <c r="K10" s="547"/>
    </row>
    <row r="11" spans="1:11" ht="17.25" customHeight="1" x14ac:dyDescent="0.15">
      <c r="A11" s="578" t="s">
        <v>34</v>
      </c>
      <c r="B11" s="552">
        <v>650.31787311812707</v>
      </c>
      <c r="C11" s="551"/>
      <c r="D11" s="548">
        <v>48.751700746917237</v>
      </c>
      <c r="E11" s="550"/>
      <c r="F11" s="548">
        <v>699.06957386504416</v>
      </c>
      <c r="G11" s="550"/>
      <c r="H11" s="548">
        <v>107.00872855438995</v>
      </c>
      <c r="I11" s="549"/>
      <c r="J11" s="548">
        <v>806.07830241943407</v>
      </c>
      <c r="K11" s="547"/>
    </row>
    <row r="12" spans="1:11" ht="17.25" customHeight="1" thickBot="1" x14ac:dyDescent="0.2">
      <c r="A12" s="581" t="s">
        <v>33</v>
      </c>
      <c r="B12" s="566">
        <v>718.09917854874459</v>
      </c>
      <c r="C12" s="565"/>
      <c r="D12" s="562">
        <v>47.291501208266041</v>
      </c>
      <c r="E12" s="564"/>
      <c r="F12" s="562">
        <v>765.39067975701073</v>
      </c>
      <c r="G12" s="564"/>
      <c r="H12" s="562">
        <v>0</v>
      </c>
      <c r="I12" s="563"/>
      <c r="J12" s="562">
        <v>765.39067975701073</v>
      </c>
      <c r="K12" s="561"/>
    </row>
    <row r="13" spans="1:11" ht="17.25" customHeight="1" x14ac:dyDescent="0.15">
      <c r="A13" s="580" t="s">
        <v>32</v>
      </c>
      <c r="B13" s="573">
        <v>742.7260987048893</v>
      </c>
      <c r="C13" s="572"/>
      <c r="D13" s="569">
        <v>114.89703291048286</v>
      </c>
      <c r="E13" s="571"/>
      <c r="F13" s="582">
        <v>857.62313161537213</v>
      </c>
      <c r="G13" s="572"/>
      <c r="H13" s="582">
        <v>0</v>
      </c>
      <c r="I13" s="570"/>
      <c r="J13" s="582">
        <v>857.62313161537213</v>
      </c>
      <c r="K13" s="568"/>
    </row>
    <row r="14" spans="1:11" ht="17.25" customHeight="1" x14ac:dyDescent="0.15">
      <c r="A14" s="578" t="s">
        <v>31</v>
      </c>
      <c r="B14" s="552">
        <v>597.37124424601006</v>
      </c>
      <c r="C14" s="551"/>
      <c r="D14" s="548">
        <v>35.716202941008596</v>
      </c>
      <c r="E14" s="550"/>
      <c r="F14" s="548">
        <v>633.08744718701871</v>
      </c>
      <c r="G14" s="550"/>
      <c r="H14" s="548">
        <v>113.60036890485014</v>
      </c>
      <c r="I14" s="549"/>
      <c r="J14" s="548">
        <v>746.68781609186885</v>
      </c>
      <c r="K14" s="547"/>
    </row>
    <row r="15" spans="1:11" ht="17.25" customHeight="1" x14ac:dyDescent="0.15">
      <c r="A15" s="578" t="s">
        <v>30</v>
      </c>
      <c r="B15" s="552">
        <v>847.1775263659913</v>
      </c>
      <c r="C15" s="551"/>
      <c r="D15" s="548">
        <v>50.67563336068747</v>
      </c>
      <c r="E15" s="550"/>
      <c r="F15" s="548">
        <v>897.85315972667877</v>
      </c>
      <c r="G15" s="550"/>
      <c r="H15" s="548">
        <v>0</v>
      </c>
      <c r="I15" s="549"/>
      <c r="J15" s="548">
        <v>897.85315972667877</v>
      </c>
      <c r="K15" s="547"/>
    </row>
    <row r="16" spans="1:11" ht="17.25" customHeight="1" x14ac:dyDescent="0.15">
      <c r="A16" s="578" t="s">
        <v>29</v>
      </c>
      <c r="B16" s="552">
        <v>646.55431050068307</v>
      </c>
      <c r="C16" s="551"/>
      <c r="D16" s="548">
        <v>54.29908604166863</v>
      </c>
      <c r="E16" s="550"/>
      <c r="F16" s="548">
        <v>700.85339654235167</v>
      </c>
      <c r="G16" s="550"/>
      <c r="H16" s="548">
        <v>0</v>
      </c>
      <c r="I16" s="549"/>
      <c r="J16" s="548">
        <v>700.85339654235167</v>
      </c>
      <c r="K16" s="547"/>
    </row>
    <row r="17" spans="1:11" ht="17.25" customHeight="1" thickBot="1" x14ac:dyDescent="0.2">
      <c r="A17" s="581" t="s">
        <v>28</v>
      </c>
      <c r="B17" s="566">
        <v>554.70926713921403</v>
      </c>
      <c r="C17" s="565"/>
      <c r="D17" s="562">
        <v>97.619837250305878</v>
      </c>
      <c r="E17" s="564"/>
      <c r="F17" s="562">
        <v>652.32910438952001</v>
      </c>
      <c r="G17" s="564"/>
      <c r="H17" s="562">
        <v>123.00848974054857</v>
      </c>
      <c r="I17" s="563"/>
      <c r="J17" s="562">
        <v>775.33759413006862</v>
      </c>
      <c r="K17" s="561"/>
    </row>
    <row r="18" spans="1:11" ht="17.25" customHeight="1" x14ac:dyDescent="0.15">
      <c r="A18" s="580" t="s">
        <v>27</v>
      </c>
      <c r="B18" s="573">
        <v>816.50721821893205</v>
      </c>
      <c r="C18" s="572"/>
      <c r="D18" s="569">
        <v>140.7723288156177</v>
      </c>
      <c r="E18" s="571"/>
      <c r="F18" s="569">
        <v>957.27954703454986</v>
      </c>
      <c r="G18" s="571"/>
      <c r="H18" s="569">
        <v>12.40071203641514</v>
      </c>
      <c r="I18" s="570"/>
      <c r="J18" s="569">
        <v>969.68025907096501</v>
      </c>
      <c r="K18" s="568"/>
    </row>
    <row r="19" spans="1:11" ht="17.25" customHeight="1" x14ac:dyDescent="0.15">
      <c r="A19" s="578" t="s">
        <v>26</v>
      </c>
      <c r="B19" s="552">
        <v>735.76759941772968</v>
      </c>
      <c r="C19" s="551"/>
      <c r="D19" s="548">
        <v>8.4243642163022034</v>
      </c>
      <c r="E19" s="550"/>
      <c r="F19" s="548">
        <v>744.19196363403194</v>
      </c>
      <c r="G19" s="550"/>
      <c r="H19" s="548">
        <v>2.7285390174258142</v>
      </c>
      <c r="I19" s="549"/>
      <c r="J19" s="548">
        <v>746.92050265145792</v>
      </c>
      <c r="K19" s="547"/>
    </row>
    <row r="20" spans="1:11" ht="17.25" customHeight="1" x14ac:dyDescent="0.15">
      <c r="A20" s="578" t="s">
        <v>25</v>
      </c>
      <c r="B20" s="552">
        <v>758.8550231984633</v>
      </c>
      <c r="C20" s="551"/>
      <c r="D20" s="548">
        <v>15.798763434460117</v>
      </c>
      <c r="E20" s="550"/>
      <c r="F20" s="548">
        <v>774.65378663292358</v>
      </c>
      <c r="G20" s="550"/>
      <c r="H20" s="548">
        <v>0</v>
      </c>
      <c r="I20" s="549"/>
      <c r="J20" s="548">
        <v>774.65378663292358</v>
      </c>
      <c r="K20" s="547"/>
    </row>
    <row r="21" spans="1:11" ht="17.25" customHeight="1" x14ac:dyDescent="0.15">
      <c r="A21" s="578" t="s">
        <v>24</v>
      </c>
      <c r="B21" s="552">
        <v>655.75963613078591</v>
      </c>
      <c r="C21" s="551"/>
      <c r="D21" s="548">
        <v>51.929689646873058</v>
      </c>
      <c r="E21" s="550"/>
      <c r="F21" s="548">
        <v>707.68932577765884</v>
      </c>
      <c r="G21" s="550"/>
      <c r="H21" s="548">
        <v>0</v>
      </c>
      <c r="I21" s="549"/>
      <c r="J21" s="548">
        <v>707.68932577765884</v>
      </c>
      <c r="K21" s="547"/>
    </row>
    <row r="22" spans="1:11" ht="17.25" customHeight="1" thickBot="1" x14ac:dyDescent="0.2">
      <c r="A22" s="581" t="s">
        <v>23</v>
      </c>
      <c r="B22" s="566">
        <v>669.89174073390814</v>
      </c>
      <c r="C22" s="565"/>
      <c r="D22" s="562">
        <v>13.335619954848243</v>
      </c>
      <c r="E22" s="564"/>
      <c r="F22" s="562">
        <v>683.22736068875633</v>
      </c>
      <c r="G22" s="564"/>
      <c r="H22" s="562">
        <v>61.727960926904032</v>
      </c>
      <c r="I22" s="563"/>
      <c r="J22" s="562">
        <v>744.95532161566041</v>
      </c>
      <c r="K22" s="561"/>
    </row>
    <row r="23" spans="1:11" ht="17.25" customHeight="1" x14ac:dyDescent="0.15">
      <c r="A23" s="580" t="s">
        <v>22</v>
      </c>
      <c r="B23" s="552">
        <v>663.85161931158177</v>
      </c>
      <c r="C23" s="572"/>
      <c r="D23" s="579">
        <v>0.17453448743293512</v>
      </c>
      <c r="E23" s="571"/>
      <c r="F23" s="569">
        <v>664.02615379901465</v>
      </c>
      <c r="G23" s="571"/>
      <c r="H23" s="569">
        <v>0</v>
      </c>
      <c r="I23" s="570"/>
      <c r="J23" s="569">
        <v>664.02615379901465</v>
      </c>
      <c r="K23" s="568"/>
    </row>
    <row r="24" spans="1:11" ht="17.25" customHeight="1" x14ac:dyDescent="0.15">
      <c r="A24" s="578" t="s">
        <v>21</v>
      </c>
      <c r="B24" s="552">
        <v>647.18281277956953</v>
      </c>
      <c r="C24" s="551"/>
      <c r="D24" s="567">
        <v>0</v>
      </c>
      <c r="E24" s="550"/>
      <c r="F24" s="548">
        <v>647.18281277956953</v>
      </c>
      <c r="G24" s="550"/>
      <c r="H24" s="548">
        <v>4.2393248501118119</v>
      </c>
      <c r="I24" s="549"/>
      <c r="J24" s="548">
        <v>651.42213762968117</v>
      </c>
      <c r="K24" s="547"/>
    </row>
    <row r="25" spans="1:11" ht="17.25" customHeight="1" x14ac:dyDescent="0.15">
      <c r="A25" s="578" t="s">
        <v>20</v>
      </c>
      <c r="B25" s="552">
        <v>775.45982888372066</v>
      </c>
      <c r="C25" s="551"/>
      <c r="D25" s="548">
        <v>33.761042819443858</v>
      </c>
      <c r="E25" s="550"/>
      <c r="F25" s="548">
        <v>809.22087170316456</v>
      </c>
      <c r="G25" s="550"/>
      <c r="H25" s="548">
        <v>0</v>
      </c>
      <c r="I25" s="549"/>
      <c r="J25" s="548">
        <v>809.22087170316456</v>
      </c>
      <c r="K25" s="547"/>
    </row>
    <row r="26" spans="1:11" ht="17.25" customHeight="1" thickBot="1" x14ac:dyDescent="0.2">
      <c r="A26" s="546" t="s">
        <v>209</v>
      </c>
      <c r="B26" s="566">
        <v>712.10384696167603</v>
      </c>
      <c r="C26" s="565"/>
      <c r="D26" s="577">
        <v>0</v>
      </c>
      <c r="E26" s="564"/>
      <c r="F26" s="562">
        <v>712.10384696167603</v>
      </c>
      <c r="G26" s="564"/>
      <c r="H26" s="548">
        <v>0</v>
      </c>
      <c r="I26" s="563"/>
      <c r="J26" s="562">
        <v>712.10384696167603</v>
      </c>
      <c r="K26" s="561"/>
    </row>
    <row r="27" spans="1:11" ht="17.25" customHeight="1" thickBot="1" x14ac:dyDescent="0.2">
      <c r="A27" s="576" t="s">
        <v>208</v>
      </c>
      <c r="B27" s="538">
        <v>654.54857662104098</v>
      </c>
      <c r="C27" s="537"/>
      <c r="D27" s="533">
        <v>32.412195821893761</v>
      </c>
      <c r="E27" s="532"/>
      <c r="F27" s="533">
        <v>686.96077244293463</v>
      </c>
      <c r="G27" s="532"/>
      <c r="H27" s="533">
        <v>59.504805898218962</v>
      </c>
      <c r="I27" s="531"/>
      <c r="J27" s="533">
        <v>746.46557834115356</v>
      </c>
      <c r="K27" s="529"/>
    </row>
    <row r="28" spans="1:11" ht="17.25" customHeight="1" x14ac:dyDescent="0.15">
      <c r="A28" s="574" t="s">
        <v>17</v>
      </c>
      <c r="B28" s="573">
        <v>606.86519598658867</v>
      </c>
      <c r="C28" s="572"/>
      <c r="D28" s="569">
        <v>93.858010317243654</v>
      </c>
      <c r="E28" s="571"/>
      <c r="F28" s="569">
        <v>700.7232063038324</v>
      </c>
      <c r="G28" s="571"/>
      <c r="H28" s="569">
        <v>139.27029857910392</v>
      </c>
      <c r="I28" s="570"/>
      <c r="J28" s="569">
        <v>839.99350488293624</v>
      </c>
      <c r="K28" s="568"/>
    </row>
    <row r="29" spans="1:11" ht="17.25" customHeight="1" x14ac:dyDescent="0.15">
      <c r="A29" s="553" t="s">
        <v>16</v>
      </c>
      <c r="B29" s="552">
        <v>671.88788128606757</v>
      </c>
      <c r="C29" s="551"/>
      <c r="D29" s="548">
        <v>47.713695242182297</v>
      </c>
      <c r="E29" s="550"/>
      <c r="F29" s="548">
        <v>719.60157652825001</v>
      </c>
      <c r="G29" s="550"/>
      <c r="H29" s="548">
        <v>0</v>
      </c>
      <c r="I29" s="549"/>
      <c r="J29" s="548">
        <v>719.60157652825001</v>
      </c>
      <c r="K29" s="547"/>
    </row>
    <row r="30" spans="1:11" ht="17.25" customHeight="1" x14ac:dyDescent="0.15">
      <c r="A30" s="553" t="s">
        <v>15</v>
      </c>
      <c r="B30" s="552">
        <v>769.6788132622537</v>
      </c>
      <c r="C30" s="551"/>
      <c r="D30" s="548">
        <v>68.419843709528436</v>
      </c>
      <c r="E30" s="550"/>
      <c r="F30" s="548">
        <v>838.09865697178225</v>
      </c>
      <c r="G30" s="550"/>
      <c r="H30" s="548">
        <v>13.950539561553201</v>
      </c>
      <c r="I30" s="549"/>
      <c r="J30" s="548">
        <v>852.04919653333525</v>
      </c>
      <c r="K30" s="547"/>
    </row>
    <row r="31" spans="1:11" ht="17.25" customHeight="1" thickBot="1" x14ac:dyDescent="0.2">
      <c r="A31" s="575" t="s">
        <v>14</v>
      </c>
      <c r="B31" s="545">
        <v>709.13575683840645</v>
      </c>
      <c r="C31" s="544"/>
      <c r="D31" s="541">
        <v>47.330473997756677</v>
      </c>
      <c r="E31" s="543"/>
      <c r="F31" s="541">
        <v>756.46623083616328</v>
      </c>
      <c r="G31" s="543"/>
      <c r="H31" s="541">
        <v>0</v>
      </c>
      <c r="I31" s="542"/>
      <c r="J31" s="541">
        <v>756.46623083616328</v>
      </c>
      <c r="K31" s="540"/>
    </row>
    <row r="32" spans="1:11" ht="17.25" customHeight="1" x14ac:dyDescent="0.15">
      <c r="A32" s="574" t="s">
        <v>13</v>
      </c>
      <c r="B32" s="573">
        <v>812.96686767833819</v>
      </c>
      <c r="C32" s="572"/>
      <c r="D32" s="569">
        <v>42.755351724286427</v>
      </c>
      <c r="E32" s="571"/>
      <c r="F32" s="569">
        <v>855.72221940262466</v>
      </c>
      <c r="G32" s="571"/>
      <c r="H32" s="569">
        <v>0</v>
      </c>
      <c r="I32" s="570"/>
      <c r="J32" s="569">
        <v>855.72221940262466</v>
      </c>
      <c r="K32" s="568"/>
    </row>
    <row r="33" spans="1:11" ht="17.25" customHeight="1" x14ac:dyDescent="0.15">
      <c r="A33" s="553" t="s">
        <v>12</v>
      </c>
      <c r="B33" s="552">
        <v>754.75770309901361</v>
      </c>
      <c r="C33" s="551"/>
      <c r="D33" s="548">
        <v>13.489151548237206</v>
      </c>
      <c r="E33" s="550"/>
      <c r="F33" s="548">
        <v>768.24685464725087</v>
      </c>
      <c r="G33" s="550"/>
      <c r="H33" s="548">
        <v>2.2217426079449516</v>
      </c>
      <c r="I33" s="549"/>
      <c r="J33" s="548">
        <v>770.46859725519562</v>
      </c>
      <c r="K33" s="547"/>
    </row>
    <row r="34" spans="1:11" ht="17.25" customHeight="1" x14ac:dyDescent="0.15">
      <c r="A34" s="553" t="s">
        <v>11</v>
      </c>
      <c r="B34" s="552">
        <v>773.82389304638809</v>
      </c>
      <c r="C34" s="551"/>
      <c r="D34" s="548">
        <v>14.137423761274928</v>
      </c>
      <c r="E34" s="550"/>
      <c r="F34" s="567">
        <v>787.96131680766314</v>
      </c>
      <c r="G34" s="550"/>
      <c r="H34" s="567">
        <v>5.0681330464947854</v>
      </c>
      <c r="I34" s="549"/>
      <c r="J34" s="567">
        <v>793.02944985415775</v>
      </c>
      <c r="K34" s="547"/>
    </row>
    <row r="35" spans="1:11" ht="17.25" customHeight="1" x14ac:dyDescent="0.15">
      <c r="A35" s="553" t="s">
        <v>10</v>
      </c>
      <c r="B35" s="552">
        <v>913.24200913242009</v>
      </c>
      <c r="C35" s="551"/>
      <c r="D35" s="548">
        <v>8.1351152248681444</v>
      </c>
      <c r="E35" s="550"/>
      <c r="F35" s="548">
        <v>921.37712435728815</v>
      </c>
      <c r="G35" s="550"/>
      <c r="H35" s="548">
        <v>4.2182078943760741</v>
      </c>
      <c r="I35" s="549"/>
      <c r="J35" s="548">
        <v>925.59533225166433</v>
      </c>
      <c r="K35" s="547"/>
    </row>
    <row r="36" spans="1:11" ht="17.25" customHeight="1" thickBot="1" x14ac:dyDescent="0.2">
      <c r="A36" s="546" t="s">
        <v>9</v>
      </c>
      <c r="B36" s="566">
        <v>704.11675153244437</v>
      </c>
      <c r="C36" s="565"/>
      <c r="D36" s="562">
        <v>47.360146874924631</v>
      </c>
      <c r="E36" s="564"/>
      <c r="F36" s="562">
        <v>751.47689840736882</v>
      </c>
      <c r="G36" s="564"/>
      <c r="H36" s="562">
        <v>0.43851987847152435</v>
      </c>
      <c r="I36" s="563"/>
      <c r="J36" s="562">
        <v>751.91541828584047</v>
      </c>
      <c r="K36" s="561"/>
    </row>
    <row r="37" spans="1:11" ht="17.25" customHeight="1" x14ac:dyDescent="0.15">
      <c r="A37" s="560" t="s">
        <v>8</v>
      </c>
      <c r="B37" s="559">
        <v>2994.1561757307927</v>
      </c>
      <c r="C37" s="558"/>
      <c r="D37" s="555">
        <v>421.86485447175488</v>
      </c>
      <c r="E37" s="557"/>
      <c r="F37" s="555">
        <v>3416.021030202548</v>
      </c>
      <c r="G37" s="557"/>
      <c r="H37" s="555">
        <v>0</v>
      </c>
      <c r="I37" s="556"/>
      <c r="J37" s="555">
        <v>3416.021030202548</v>
      </c>
      <c r="K37" s="554"/>
    </row>
    <row r="38" spans="1:11" ht="17.25" customHeight="1" x14ac:dyDescent="0.15">
      <c r="A38" s="553" t="s">
        <v>7</v>
      </c>
      <c r="B38" s="552">
        <v>883.86829653869904</v>
      </c>
      <c r="C38" s="551"/>
      <c r="D38" s="548">
        <v>297.13207764402159</v>
      </c>
      <c r="E38" s="550"/>
      <c r="F38" s="548">
        <v>1181.0003741827206</v>
      </c>
      <c r="G38" s="550"/>
      <c r="H38" s="548">
        <v>7.5279363933656747</v>
      </c>
      <c r="I38" s="549"/>
      <c r="J38" s="548">
        <v>1188.5283105760864</v>
      </c>
      <c r="K38" s="547"/>
    </row>
    <row r="39" spans="1:11" ht="17.25" customHeight="1" x14ac:dyDescent="0.15">
      <c r="A39" s="553" t="s">
        <v>6</v>
      </c>
      <c r="B39" s="552">
        <v>1072.5408957340039</v>
      </c>
      <c r="C39" s="551"/>
      <c r="D39" s="548">
        <v>376.51712979430363</v>
      </c>
      <c r="E39" s="550"/>
      <c r="F39" s="548">
        <v>1449.0580255283076</v>
      </c>
      <c r="G39" s="550"/>
      <c r="H39" s="548">
        <v>2.3547812594113791</v>
      </c>
      <c r="I39" s="549"/>
      <c r="J39" s="548">
        <v>1451.4128067877189</v>
      </c>
      <c r="K39" s="547"/>
    </row>
    <row r="40" spans="1:11" ht="17.25" customHeight="1" x14ac:dyDescent="0.15">
      <c r="A40" s="553" t="s">
        <v>5</v>
      </c>
      <c r="B40" s="552">
        <v>696.80004055228005</v>
      </c>
      <c r="C40" s="551"/>
      <c r="D40" s="548">
        <v>96.626295007350095</v>
      </c>
      <c r="E40" s="550"/>
      <c r="F40" s="548">
        <v>793.42633555963027</v>
      </c>
      <c r="G40" s="550"/>
      <c r="H40" s="548">
        <v>23.002931300592032</v>
      </c>
      <c r="I40" s="549"/>
      <c r="J40" s="548">
        <v>816.42926686022236</v>
      </c>
      <c r="K40" s="547"/>
    </row>
    <row r="41" spans="1:11" ht="17.25" customHeight="1" thickBot="1" x14ac:dyDescent="0.2">
      <c r="A41" s="546" t="s">
        <v>4</v>
      </c>
      <c r="B41" s="545">
        <v>854.01501690835096</v>
      </c>
      <c r="C41" s="544"/>
      <c r="D41" s="541">
        <v>3.8210962725205864</v>
      </c>
      <c r="E41" s="543"/>
      <c r="F41" s="541">
        <v>857.83611318087162</v>
      </c>
      <c r="G41" s="543"/>
      <c r="H41" s="541">
        <v>0</v>
      </c>
      <c r="I41" s="542"/>
      <c r="J41" s="541">
        <v>857.83611318087162</v>
      </c>
      <c r="K41" s="540"/>
    </row>
    <row r="42" spans="1:11" ht="17.25" customHeight="1" thickBot="1" x14ac:dyDescent="0.2">
      <c r="A42" s="539" t="s">
        <v>84</v>
      </c>
      <c r="B42" s="538">
        <v>832.90156289170272</v>
      </c>
      <c r="C42" s="537"/>
      <c r="D42" s="533">
        <v>102.15911106818348</v>
      </c>
      <c r="E42" s="532"/>
      <c r="F42" s="533">
        <v>935.06067395988634</v>
      </c>
      <c r="G42" s="532"/>
      <c r="H42" s="533">
        <v>20.705566695974479</v>
      </c>
      <c r="I42" s="531"/>
      <c r="J42" s="533">
        <v>955.76624065586077</v>
      </c>
      <c r="K42" s="529"/>
    </row>
    <row r="43" spans="1:11" ht="17.25" customHeight="1" thickBot="1" x14ac:dyDescent="0.2">
      <c r="A43" s="536" t="s">
        <v>207</v>
      </c>
      <c r="B43" s="535">
        <v>660.00420890108273</v>
      </c>
      <c r="C43" s="534"/>
      <c r="D43" s="533">
        <v>34.545681390077888</v>
      </c>
      <c r="E43" s="532"/>
      <c r="F43" s="530">
        <v>694.54989029116064</v>
      </c>
      <c r="G43" s="532"/>
      <c r="H43" s="530">
        <v>58.317977540259207</v>
      </c>
      <c r="I43" s="531"/>
      <c r="J43" s="530">
        <v>752.86786783141986</v>
      </c>
      <c r="K43" s="529"/>
    </row>
    <row r="44" spans="1:11" ht="11.25" customHeight="1" x14ac:dyDescent="0.15">
      <c r="A44" s="666"/>
      <c r="B44" s="667"/>
      <c r="C44" s="667"/>
      <c r="D44" s="583"/>
      <c r="E44" s="583"/>
      <c r="F44" s="668"/>
      <c r="G44" s="583"/>
      <c r="H44" s="668"/>
      <c r="I44" s="669"/>
      <c r="J44" s="668"/>
      <c r="K44" s="669"/>
    </row>
    <row r="45" spans="1:11" ht="16.5" customHeight="1" x14ac:dyDescent="0.15">
      <c r="A45" s="1753" t="s">
        <v>206</v>
      </c>
      <c r="B45" s="1753"/>
      <c r="C45" s="1754" t="s">
        <v>205</v>
      </c>
      <c r="D45" s="1754"/>
      <c r="E45" s="1754"/>
      <c r="F45" s="1754"/>
      <c r="G45" s="1768" t="s">
        <v>204</v>
      </c>
      <c r="H45" s="1768"/>
      <c r="J45" s="525"/>
    </row>
    <row r="46" spans="1:11" ht="18" customHeight="1" x14ac:dyDescent="0.15">
      <c r="A46" s="1753"/>
      <c r="B46" s="1753"/>
      <c r="C46" s="1752" t="s">
        <v>203</v>
      </c>
      <c r="D46" s="1752"/>
      <c r="E46" s="1752"/>
      <c r="F46" s="1752"/>
      <c r="G46" s="1768"/>
      <c r="H46" s="1768"/>
      <c r="J46" s="522"/>
    </row>
    <row r="47" spans="1:11" ht="13.5" customHeight="1" x14ac:dyDescent="0.15">
      <c r="B47" s="528"/>
    </row>
    <row r="48" spans="1:11" ht="13.5" customHeight="1" x14ac:dyDescent="0.15">
      <c r="A48" s="527"/>
    </row>
    <row r="49" spans="1:6" ht="13.5" customHeight="1" x14ac:dyDescent="0.15"/>
    <row r="50" spans="1:6" ht="15" customHeight="1" x14ac:dyDescent="0.15">
      <c r="A50" s="521"/>
      <c r="B50" s="521"/>
      <c r="C50" s="521"/>
    </row>
    <row r="54" spans="1:6" ht="16.5" customHeight="1" x14ac:dyDescent="0.15">
      <c r="B54" s="526"/>
    </row>
    <row r="55" spans="1:6" ht="16.5" customHeight="1" x14ac:dyDescent="0.15">
      <c r="B55" s="1750"/>
      <c r="C55" s="1750"/>
      <c r="D55" s="1750"/>
      <c r="E55" s="1751"/>
      <c r="F55" s="525"/>
    </row>
    <row r="56" spans="1:6" ht="16.5" customHeight="1" x14ac:dyDescent="0.15">
      <c r="B56" s="1752"/>
      <c r="C56" s="1752"/>
      <c r="D56" s="1752"/>
      <c r="E56" s="1751"/>
      <c r="F56" s="522"/>
    </row>
    <row r="64" spans="1:6" ht="16.5" customHeight="1" x14ac:dyDescent="0.15">
      <c r="A64" s="524"/>
    </row>
    <row r="65" spans="1:1" ht="16.5" customHeight="1" x14ac:dyDescent="0.15">
      <c r="A65" s="524"/>
    </row>
  </sheetData>
  <mergeCells count="13">
    <mergeCell ref="J5:K7"/>
    <mergeCell ref="B4:K4"/>
    <mergeCell ref="B7:C7"/>
    <mergeCell ref="D7:E7"/>
    <mergeCell ref="G45:H46"/>
    <mergeCell ref="F6:G7"/>
    <mergeCell ref="H6:I7"/>
    <mergeCell ref="B55:D55"/>
    <mergeCell ref="E55:E56"/>
    <mergeCell ref="B56:D56"/>
    <mergeCell ref="A45:B46"/>
    <mergeCell ref="C45:F45"/>
    <mergeCell ref="C46:F46"/>
  </mergeCells>
  <phoneticPr fontId="3"/>
  <conditionalFormatting sqref="B8:J44">
    <cfRule type="cellIs" dxfId="21" priority="1" operator="equal">
      <formula>0</formula>
    </cfRule>
  </conditionalFormatting>
  <pageMargins left="0.59055118110236227" right="0.59055118110236227" top="0.78740157480314965" bottom="0.78740157480314965" header="0.51181102362204722" footer="0.39370078740157483"/>
  <pageSetup paperSize="9" scale="98" orientation="portrait"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3112">
    <pageSetUpPr fitToPage="1"/>
  </sheetPr>
  <dimension ref="A2:N36"/>
  <sheetViews>
    <sheetView zoomScaleNormal="100" zoomScaleSheetLayoutView="100" workbookViewId="0">
      <pane xSplit="2" ySplit="9" topLeftCell="C10" activePane="bottomRight" state="frozen"/>
      <selection activeCell="Q32" sqref="Q32"/>
      <selection pane="topRight" activeCell="Q32" sqref="Q32"/>
      <selection pane="bottomLeft" activeCell="Q32" sqref="Q32"/>
      <selection pane="bottomRight" activeCell="R6" sqref="R6"/>
    </sheetView>
  </sheetViews>
  <sheetFormatPr defaultColWidth="9" defaultRowHeight="16.5" customHeight="1" x14ac:dyDescent="0.15"/>
  <cols>
    <col min="1" max="1" width="4" style="599" customWidth="1"/>
    <col min="2" max="2" width="9.125" style="601" customWidth="1"/>
    <col min="3" max="3" width="8.625" style="601" bestFit="1" customWidth="1"/>
    <col min="4" max="4" width="7.5" style="601" customWidth="1"/>
    <col min="5" max="5" width="7.5" style="600" customWidth="1"/>
    <col min="6" max="6" width="10.125" style="600" customWidth="1"/>
    <col min="7" max="12" width="7.625" style="599" customWidth="1"/>
    <col min="13" max="13" width="6.625" style="599" customWidth="1"/>
    <col min="14" max="14" width="9.375" style="599" customWidth="1"/>
    <col min="15" max="15" width="1" style="599" customWidth="1"/>
    <col min="16" max="20" width="7.625" style="599" customWidth="1"/>
    <col min="21" max="16384" width="9" style="599"/>
  </cols>
  <sheetData>
    <row r="2" spans="1:14" s="651" customFormat="1" ht="9" customHeight="1" x14ac:dyDescent="0.15">
      <c r="C2" s="652"/>
      <c r="D2" s="652"/>
      <c r="I2" s="1773" t="s">
        <v>246</v>
      </c>
      <c r="J2" s="1773"/>
      <c r="K2" s="1773"/>
      <c r="L2" s="1773"/>
      <c r="M2" s="1773"/>
      <c r="N2" s="1773"/>
    </row>
    <row r="3" spans="1:14" ht="16.5" customHeight="1" thickBot="1" x14ac:dyDescent="0.2">
      <c r="A3" s="161" t="s">
        <v>245</v>
      </c>
      <c r="I3" s="1774"/>
      <c r="J3" s="1774"/>
      <c r="K3" s="1774"/>
      <c r="L3" s="1774"/>
      <c r="M3" s="1774"/>
      <c r="N3" s="1774"/>
    </row>
    <row r="4" spans="1:14" ht="30.75" customHeight="1" x14ac:dyDescent="0.15">
      <c r="A4" s="1803" t="s">
        <v>244</v>
      </c>
      <c r="B4" s="1804"/>
      <c r="C4" s="1784" t="s">
        <v>243</v>
      </c>
      <c r="D4" s="1785"/>
      <c r="E4" s="1785"/>
      <c r="F4" s="1786"/>
      <c r="G4" s="1784" t="s">
        <v>242</v>
      </c>
      <c r="H4" s="1785"/>
      <c r="I4" s="1785"/>
      <c r="J4" s="1785"/>
      <c r="K4" s="1785"/>
      <c r="L4" s="1785"/>
      <c r="M4" s="1785"/>
      <c r="N4" s="1786"/>
    </row>
    <row r="5" spans="1:14" ht="21" customHeight="1" x14ac:dyDescent="0.15">
      <c r="A5" s="1805"/>
      <c r="B5" s="1806"/>
      <c r="C5" s="649"/>
      <c r="D5" s="647"/>
      <c r="E5" s="647"/>
      <c r="F5" s="650" t="s">
        <v>76</v>
      </c>
      <c r="G5" s="649"/>
      <c r="H5" s="648"/>
      <c r="I5" s="647"/>
      <c r="J5" s="647"/>
      <c r="K5" s="646"/>
      <c r="L5" s="645"/>
      <c r="M5" s="645"/>
      <c r="N5" s="644" t="s">
        <v>241</v>
      </c>
    </row>
    <row r="6" spans="1:14" ht="21" customHeight="1" x14ac:dyDescent="0.15">
      <c r="A6" s="1807"/>
      <c r="B6" s="1806"/>
      <c r="C6" s="643" t="s">
        <v>79</v>
      </c>
      <c r="D6" s="642" t="s">
        <v>78</v>
      </c>
      <c r="E6" s="642" t="s">
        <v>77</v>
      </c>
      <c r="F6" s="637"/>
      <c r="G6" s="641" t="s">
        <v>75</v>
      </c>
      <c r="H6" s="640" t="s">
        <v>74</v>
      </c>
      <c r="I6" s="640" t="s">
        <v>80</v>
      </c>
      <c r="J6" s="640" t="s">
        <v>140</v>
      </c>
      <c r="K6" s="639" t="s">
        <v>178</v>
      </c>
      <c r="L6" s="639" t="s">
        <v>177</v>
      </c>
      <c r="M6" s="639" t="s">
        <v>176</v>
      </c>
      <c r="N6" s="637"/>
    </row>
    <row r="7" spans="1:14" ht="21" customHeight="1" x14ac:dyDescent="0.15">
      <c r="A7" s="1807"/>
      <c r="B7" s="1806"/>
      <c r="C7" s="638" t="s">
        <v>240</v>
      </c>
      <c r="D7" s="1802" t="s">
        <v>239</v>
      </c>
      <c r="E7" s="1802" t="s">
        <v>238</v>
      </c>
      <c r="F7" s="637" t="s">
        <v>230</v>
      </c>
      <c r="G7" s="1788" t="s">
        <v>237</v>
      </c>
      <c r="H7" s="1797" t="s">
        <v>236</v>
      </c>
      <c r="I7" s="1797" t="s">
        <v>235</v>
      </c>
      <c r="J7" s="1797" t="s">
        <v>234</v>
      </c>
      <c r="K7" s="1787" t="s">
        <v>233</v>
      </c>
      <c r="L7" s="1787" t="s">
        <v>232</v>
      </c>
      <c r="M7" s="1787" t="s">
        <v>231</v>
      </c>
      <c r="N7" s="1790" t="s">
        <v>230</v>
      </c>
    </row>
    <row r="8" spans="1:14" ht="18.75" customHeight="1" x14ac:dyDescent="0.15">
      <c r="A8" s="1808" t="s">
        <v>229</v>
      </c>
      <c r="B8" s="1806"/>
      <c r="C8" s="638" t="s">
        <v>228</v>
      </c>
      <c r="D8" s="1802"/>
      <c r="E8" s="1802"/>
      <c r="F8" s="637"/>
      <c r="G8" s="1789"/>
      <c r="H8" s="1797"/>
      <c r="I8" s="1802"/>
      <c r="J8" s="1797"/>
      <c r="K8" s="1787"/>
      <c r="L8" s="1787"/>
      <c r="M8" s="1787"/>
      <c r="N8" s="1790"/>
    </row>
    <row r="9" spans="1:14" ht="15.75" customHeight="1" thickBot="1" x14ac:dyDescent="0.2">
      <c r="A9" s="1807"/>
      <c r="B9" s="1806"/>
      <c r="C9" s="636"/>
      <c r="D9" s="635"/>
      <c r="E9" s="635"/>
      <c r="F9" s="630" t="s">
        <v>227</v>
      </c>
      <c r="G9" s="634"/>
      <c r="H9" s="633"/>
      <c r="I9" s="632"/>
      <c r="J9" s="632"/>
      <c r="K9" s="631"/>
      <c r="L9" s="631"/>
      <c r="M9" s="631"/>
      <c r="N9" s="630" t="s">
        <v>226</v>
      </c>
    </row>
    <row r="10" spans="1:14" ht="32.25" customHeight="1" x14ac:dyDescent="0.15">
      <c r="A10" s="1809" t="s">
        <v>281</v>
      </c>
      <c r="B10" s="1779" t="s">
        <v>225</v>
      </c>
      <c r="C10" s="629">
        <v>240339</v>
      </c>
      <c r="D10" s="626">
        <v>83209</v>
      </c>
      <c r="E10" s="627">
        <v>83283</v>
      </c>
      <c r="F10" s="628">
        <v>406831</v>
      </c>
      <c r="G10" s="617"/>
      <c r="H10" s="626">
        <v>406831</v>
      </c>
      <c r="I10" s="627">
        <v>0</v>
      </c>
      <c r="J10" s="627">
        <v>0</v>
      </c>
      <c r="K10" s="627">
        <v>0</v>
      </c>
      <c r="L10" s="626">
        <v>0</v>
      </c>
      <c r="M10" s="626" t="s">
        <v>0</v>
      </c>
      <c r="N10" s="625">
        <v>406831</v>
      </c>
    </row>
    <row r="11" spans="1:14" ht="32.25" customHeight="1" thickBot="1" x14ac:dyDescent="0.2">
      <c r="A11" s="1810"/>
      <c r="B11" s="1775"/>
      <c r="C11" s="624">
        <v>0.59075881631439098</v>
      </c>
      <c r="D11" s="621">
        <v>0.20452964498772216</v>
      </c>
      <c r="E11" s="622">
        <v>0.20471153869788683</v>
      </c>
      <c r="F11" s="623">
        <v>1</v>
      </c>
      <c r="G11" s="613"/>
      <c r="H11" s="621">
        <v>1</v>
      </c>
      <c r="I11" s="622">
        <v>0</v>
      </c>
      <c r="J11" s="622">
        <v>0</v>
      </c>
      <c r="K11" s="621">
        <v>0</v>
      </c>
      <c r="L11" s="621">
        <v>0</v>
      </c>
      <c r="M11" s="621" t="s">
        <v>0</v>
      </c>
      <c r="N11" s="620">
        <v>1</v>
      </c>
    </row>
    <row r="12" spans="1:14" ht="32.25" customHeight="1" x14ac:dyDescent="0.15">
      <c r="A12" s="1810"/>
      <c r="B12" s="1779" t="s">
        <v>224</v>
      </c>
      <c r="C12" s="608">
        <v>702026</v>
      </c>
      <c r="D12" s="607">
        <v>237896</v>
      </c>
      <c r="E12" s="612">
        <v>442534</v>
      </c>
      <c r="F12" s="606">
        <v>1382456</v>
      </c>
      <c r="G12" s="617"/>
      <c r="H12" s="607">
        <v>1380103</v>
      </c>
      <c r="I12" s="612">
        <v>2298</v>
      </c>
      <c r="J12" s="612">
        <v>55</v>
      </c>
      <c r="K12" s="607">
        <v>0</v>
      </c>
      <c r="L12" s="607">
        <v>0</v>
      </c>
      <c r="M12" s="607">
        <v>0</v>
      </c>
      <c r="N12" s="611">
        <v>1382456</v>
      </c>
    </row>
    <row r="13" spans="1:14" ht="32.25" customHeight="1" thickBot="1" x14ac:dyDescent="0.2">
      <c r="A13" s="1810"/>
      <c r="B13" s="1776"/>
      <c r="C13" s="605">
        <v>0.50781073683357736</v>
      </c>
      <c r="D13" s="604">
        <v>0.17208214944996442</v>
      </c>
      <c r="E13" s="610">
        <v>0.32010711371645822</v>
      </c>
      <c r="F13" s="603">
        <v>1</v>
      </c>
      <c r="G13" s="613"/>
      <c r="H13" s="604">
        <v>0.99829795667999566</v>
      </c>
      <c r="I13" s="610">
        <v>1.6622590520059951E-3</v>
      </c>
      <c r="J13" s="610">
        <v>3.9784267998402845E-5</v>
      </c>
      <c r="K13" s="604">
        <v>0</v>
      </c>
      <c r="L13" s="604">
        <v>0</v>
      </c>
      <c r="M13" s="610">
        <v>0</v>
      </c>
      <c r="N13" s="609">
        <v>1</v>
      </c>
    </row>
    <row r="14" spans="1:14" ht="32.25" customHeight="1" x14ac:dyDescent="0.15">
      <c r="A14" s="1810"/>
      <c r="B14" s="1775" t="s">
        <v>223</v>
      </c>
      <c r="C14" s="619">
        <v>5882</v>
      </c>
      <c r="D14" s="615">
        <v>15150</v>
      </c>
      <c r="E14" s="616">
        <v>523</v>
      </c>
      <c r="F14" s="618">
        <v>21555</v>
      </c>
      <c r="G14" s="617"/>
      <c r="H14" s="615">
        <v>428</v>
      </c>
      <c r="I14" s="616">
        <v>19276</v>
      </c>
      <c r="J14" s="616">
        <v>1422</v>
      </c>
      <c r="K14" s="615">
        <v>0</v>
      </c>
      <c r="L14" s="615">
        <v>429</v>
      </c>
      <c r="M14" s="615">
        <v>0</v>
      </c>
      <c r="N14" s="614">
        <v>21555</v>
      </c>
    </row>
    <row r="15" spans="1:14" ht="32.25" customHeight="1" thickBot="1" x14ac:dyDescent="0.2">
      <c r="A15" s="1810"/>
      <c r="B15" s="1775"/>
      <c r="C15" s="605">
        <v>0.27288332173509627</v>
      </c>
      <c r="D15" s="604">
        <v>0.70285316631871952</v>
      </c>
      <c r="E15" s="610">
        <v>2.4263511946184181E-2</v>
      </c>
      <c r="F15" s="603">
        <v>1</v>
      </c>
      <c r="G15" s="613"/>
      <c r="H15" s="604">
        <v>1.9856181860357227E-2</v>
      </c>
      <c r="I15" s="610">
        <v>0.89427047088842493</v>
      </c>
      <c r="J15" s="610">
        <v>6.5970772442588727E-2</v>
      </c>
      <c r="K15" s="604">
        <v>0</v>
      </c>
      <c r="L15" s="604">
        <v>1.990257480862909E-2</v>
      </c>
      <c r="M15" s="604" t="s">
        <v>0</v>
      </c>
      <c r="N15" s="609">
        <v>1</v>
      </c>
    </row>
    <row r="16" spans="1:14" ht="32.25" customHeight="1" x14ac:dyDescent="0.15">
      <c r="A16" s="1810"/>
      <c r="B16" s="1779" t="s">
        <v>222</v>
      </c>
      <c r="C16" s="608">
        <v>31913</v>
      </c>
      <c r="D16" s="607">
        <v>331900</v>
      </c>
      <c r="E16" s="612">
        <v>7262</v>
      </c>
      <c r="F16" s="606">
        <v>371075</v>
      </c>
      <c r="G16" s="608">
        <v>83970</v>
      </c>
      <c r="H16" s="607">
        <v>2152</v>
      </c>
      <c r="I16" s="612">
        <v>4305</v>
      </c>
      <c r="J16" s="612">
        <v>280646</v>
      </c>
      <c r="K16" s="607">
        <v>2</v>
      </c>
      <c r="L16" s="607">
        <v>0</v>
      </c>
      <c r="M16" s="615">
        <v>0</v>
      </c>
      <c r="N16" s="611">
        <v>371075</v>
      </c>
    </row>
    <row r="17" spans="1:14" ht="32.25" customHeight="1" thickBot="1" x14ac:dyDescent="0.2">
      <c r="A17" s="1810"/>
      <c r="B17" s="1776"/>
      <c r="C17" s="605">
        <v>8.6001482180152258E-2</v>
      </c>
      <c r="D17" s="604">
        <v>0.89442835006400323</v>
      </c>
      <c r="E17" s="610">
        <v>1.9570167755844504E-2</v>
      </c>
      <c r="F17" s="603">
        <v>1</v>
      </c>
      <c r="G17" s="605">
        <v>0.22628848615508995</v>
      </c>
      <c r="H17" s="604">
        <v>5.7993667048440341E-3</v>
      </c>
      <c r="I17" s="610">
        <v>1.1601428282692177E-2</v>
      </c>
      <c r="J17" s="610">
        <v>0.75630532911136561</v>
      </c>
      <c r="K17" s="604">
        <v>5.3897460082193623E-6</v>
      </c>
      <c r="L17" s="604">
        <v>0</v>
      </c>
      <c r="M17" s="604">
        <v>0</v>
      </c>
      <c r="N17" s="609">
        <v>1</v>
      </c>
    </row>
    <row r="18" spans="1:14" ht="32.25" customHeight="1" x14ac:dyDescent="0.15">
      <c r="A18" s="1810"/>
      <c r="B18" s="1775" t="s">
        <v>221</v>
      </c>
      <c r="C18" s="619">
        <v>2774</v>
      </c>
      <c r="D18" s="615">
        <v>36546</v>
      </c>
      <c r="E18" s="616">
        <v>857</v>
      </c>
      <c r="F18" s="618">
        <v>40177</v>
      </c>
      <c r="G18" s="617"/>
      <c r="H18" s="607">
        <v>10282</v>
      </c>
      <c r="I18" s="612">
        <v>29702</v>
      </c>
      <c r="J18" s="612">
        <v>39</v>
      </c>
      <c r="K18" s="607">
        <v>1</v>
      </c>
      <c r="L18" s="607">
        <v>153</v>
      </c>
      <c r="M18" s="615">
        <v>0</v>
      </c>
      <c r="N18" s="614">
        <v>40177</v>
      </c>
    </row>
    <row r="19" spans="1:14" ht="32.25" customHeight="1" thickBot="1" x14ac:dyDescent="0.2">
      <c r="A19" s="1810"/>
      <c r="B19" s="1776"/>
      <c r="C19" s="605">
        <v>6.904447818403564E-2</v>
      </c>
      <c r="D19" s="604">
        <v>0.90962490977424892</v>
      </c>
      <c r="E19" s="610">
        <v>2.1330612041715408E-2</v>
      </c>
      <c r="F19" s="603">
        <v>1</v>
      </c>
      <c r="G19" s="613"/>
      <c r="H19" s="604">
        <v>0.2559175647758668</v>
      </c>
      <c r="I19" s="610">
        <v>0.73927869178883443</v>
      </c>
      <c r="J19" s="610">
        <v>9.7070463200338503E-4</v>
      </c>
      <c r="K19" s="604">
        <v>2.4889862359061156E-5</v>
      </c>
      <c r="L19" s="604">
        <v>3.8081489409363565E-3</v>
      </c>
      <c r="M19" s="604" t="s">
        <v>0</v>
      </c>
      <c r="N19" s="609">
        <v>1</v>
      </c>
    </row>
    <row r="20" spans="1:14" ht="32.25" customHeight="1" x14ac:dyDescent="0.15">
      <c r="A20" s="1810"/>
      <c r="B20" s="1817" t="s">
        <v>220</v>
      </c>
      <c r="C20" s="608">
        <v>124</v>
      </c>
      <c r="D20" s="607">
        <v>504</v>
      </c>
      <c r="E20" s="612">
        <v>3</v>
      </c>
      <c r="F20" s="606">
        <v>631</v>
      </c>
      <c r="G20" s="608">
        <v>67</v>
      </c>
      <c r="H20" s="607">
        <v>0</v>
      </c>
      <c r="I20" s="612">
        <v>1</v>
      </c>
      <c r="J20" s="612">
        <v>563</v>
      </c>
      <c r="K20" s="607">
        <v>0</v>
      </c>
      <c r="L20" s="607">
        <v>0</v>
      </c>
      <c r="M20" s="607">
        <v>0</v>
      </c>
      <c r="N20" s="611">
        <v>631</v>
      </c>
    </row>
    <row r="21" spans="1:14" ht="32.25" customHeight="1" thickBot="1" x14ac:dyDescent="0.2">
      <c r="A21" s="1810"/>
      <c r="B21" s="1818"/>
      <c r="C21" s="605">
        <v>0.196513470681458</v>
      </c>
      <c r="D21" s="604">
        <v>0.79873217115689377</v>
      </c>
      <c r="E21" s="610">
        <v>4.7543581616481777E-3</v>
      </c>
      <c r="F21" s="603">
        <v>1</v>
      </c>
      <c r="G21" s="605">
        <v>0.10618066561014262</v>
      </c>
      <c r="H21" s="604">
        <v>0</v>
      </c>
      <c r="I21" s="610">
        <v>1.5847860538827259E-3</v>
      </c>
      <c r="J21" s="610">
        <v>0.8922345483359746</v>
      </c>
      <c r="K21" s="604">
        <v>0</v>
      </c>
      <c r="L21" s="604">
        <v>0</v>
      </c>
      <c r="M21" s="604">
        <v>0</v>
      </c>
      <c r="N21" s="609">
        <v>1</v>
      </c>
    </row>
    <row r="22" spans="1:14" ht="32.25" customHeight="1" x14ac:dyDescent="0.15">
      <c r="A22" s="1810"/>
      <c r="B22" s="1815" t="s">
        <v>219</v>
      </c>
      <c r="C22" s="608">
        <v>983058</v>
      </c>
      <c r="D22" s="607">
        <v>705205</v>
      </c>
      <c r="E22" s="607">
        <v>534462</v>
      </c>
      <c r="F22" s="606">
        <v>2222725</v>
      </c>
      <c r="G22" s="608">
        <v>84037</v>
      </c>
      <c r="H22" s="607">
        <v>1799796</v>
      </c>
      <c r="I22" s="607">
        <v>55582</v>
      </c>
      <c r="J22" s="607">
        <v>282725</v>
      </c>
      <c r="K22" s="607">
        <v>3</v>
      </c>
      <c r="L22" s="607">
        <v>582</v>
      </c>
      <c r="M22" s="607">
        <v>0</v>
      </c>
      <c r="N22" s="606">
        <v>2222725</v>
      </c>
    </row>
    <row r="23" spans="1:14" ht="32.25" customHeight="1" thickBot="1" x14ac:dyDescent="0.2">
      <c r="A23" s="1811"/>
      <c r="B23" s="1816"/>
      <c r="C23" s="605">
        <v>0.44227603504707058</v>
      </c>
      <c r="D23" s="604">
        <v>0.31727046755671529</v>
      </c>
      <c r="E23" s="610">
        <v>0.24045349739621411</v>
      </c>
      <c r="F23" s="603">
        <v>1</v>
      </c>
      <c r="G23" s="605">
        <v>3.7808095918298486E-2</v>
      </c>
      <c r="H23" s="604">
        <v>0.80972499971881362</v>
      </c>
      <c r="I23" s="604">
        <v>2.5006242337671101E-2</v>
      </c>
      <c r="J23" s="604">
        <v>0.12719747157205682</v>
      </c>
      <c r="K23" s="604">
        <v>1.3496946315896028E-6</v>
      </c>
      <c r="L23" s="604">
        <v>2.6184075852838295E-4</v>
      </c>
      <c r="M23" s="604">
        <v>0</v>
      </c>
      <c r="N23" s="603">
        <v>1</v>
      </c>
    </row>
    <row r="24" spans="1:14" ht="32.25" customHeight="1" x14ac:dyDescent="0.15">
      <c r="A24" s="1812" t="s">
        <v>282</v>
      </c>
      <c r="B24" s="1804"/>
      <c r="C24" s="1782" t="s">
        <v>218</v>
      </c>
      <c r="D24" s="1777" t="s">
        <v>218</v>
      </c>
      <c r="E24" s="1795" t="s">
        <v>218</v>
      </c>
      <c r="F24" s="1780">
        <v>116341</v>
      </c>
      <c r="G24" s="608">
        <v>3575</v>
      </c>
      <c r="H24" s="607">
        <v>74787</v>
      </c>
      <c r="I24" s="612">
        <v>22364</v>
      </c>
      <c r="J24" s="612">
        <v>13546</v>
      </c>
      <c r="K24" s="607">
        <v>1</v>
      </c>
      <c r="L24" s="607">
        <v>2068</v>
      </c>
      <c r="M24" s="607">
        <v>0</v>
      </c>
      <c r="N24" s="611">
        <v>116341</v>
      </c>
    </row>
    <row r="25" spans="1:14" ht="32.25" customHeight="1" thickBot="1" x14ac:dyDescent="0.2">
      <c r="A25" s="1813"/>
      <c r="B25" s="1814"/>
      <c r="C25" s="1783"/>
      <c r="D25" s="1778"/>
      <c r="E25" s="1796"/>
      <c r="F25" s="1781"/>
      <c r="G25" s="605">
        <v>3.0728633929569111E-2</v>
      </c>
      <c r="H25" s="604">
        <v>0.6428258309624294</v>
      </c>
      <c r="I25" s="610">
        <v>0.19222801935689052</v>
      </c>
      <c r="J25" s="610">
        <v>0.11643358747131279</v>
      </c>
      <c r="K25" s="604">
        <v>8.5954220782011506E-6</v>
      </c>
      <c r="L25" s="604">
        <v>1.777533285771998E-2</v>
      </c>
      <c r="M25" s="604">
        <v>0</v>
      </c>
      <c r="N25" s="609">
        <v>1</v>
      </c>
    </row>
    <row r="26" spans="1:14" ht="32.25" customHeight="1" thickBot="1" x14ac:dyDescent="0.2">
      <c r="A26" s="681"/>
      <c r="B26" s="677"/>
      <c r="C26" s="678"/>
      <c r="D26" s="678"/>
      <c r="E26" s="678"/>
      <c r="F26" s="679"/>
      <c r="G26" s="680"/>
      <c r="H26" s="680"/>
      <c r="I26" s="680"/>
      <c r="J26" s="680"/>
      <c r="K26" s="680"/>
      <c r="L26" s="680"/>
      <c r="M26" s="680"/>
      <c r="N26" s="680"/>
    </row>
    <row r="27" spans="1:14" ht="30.75" customHeight="1" x14ac:dyDescent="0.15">
      <c r="A27" s="1803" t="s">
        <v>279</v>
      </c>
      <c r="B27" s="1804"/>
      <c r="C27" s="1784" t="s">
        <v>278</v>
      </c>
      <c r="D27" s="1785"/>
      <c r="E27" s="1785"/>
      <c r="F27" s="1786"/>
      <c r="G27" s="1784" t="s">
        <v>242</v>
      </c>
      <c r="H27" s="1785"/>
      <c r="I27" s="1785"/>
      <c r="J27" s="1785"/>
      <c r="K27" s="1785"/>
      <c r="L27" s="1785"/>
      <c r="M27" s="1785"/>
      <c r="N27" s="1786"/>
    </row>
    <row r="28" spans="1:14" ht="21" customHeight="1" x14ac:dyDescent="0.15">
      <c r="A28" s="1805"/>
      <c r="B28" s="1806"/>
      <c r="C28" s="649"/>
      <c r="D28" s="647"/>
      <c r="E28" s="647"/>
      <c r="F28" s="650"/>
      <c r="G28" s="649"/>
      <c r="H28" s="648"/>
      <c r="I28" s="647"/>
      <c r="J28" s="647"/>
      <c r="K28" s="646"/>
      <c r="L28" s="645"/>
      <c r="M28" s="645"/>
      <c r="N28" s="644" t="s">
        <v>241</v>
      </c>
    </row>
    <row r="29" spans="1:14" ht="21" customHeight="1" x14ac:dyDescent="0.15">
      <c r="A29" s="1807"/>
      <c r="B29" s="1806"/>
      <c r="C29" s="672" t="s">
        <v>273</v>
      </c>
      <c r="D29" s="673"/>
      <c r="E29" s="640" t="s">
        <v>274</v>
      </c>
      <c r="F29" s="637"/>
      <c r="G29" s="641" t="s">
        <v>75</v>
      </c>
      <c r="H29" s="640" t="s">
        <v>74</v>
      </c>
      <c r="I29" s="640" t="s">
        <v>59</v>
      </c>
      <c r="J29" s="640" t="s">
        <v>58</v>
      </c>
      <c r="K29" s="639" t="s">
        <v>57</v>
      </c>
      <c r="L29" s="639" t="s">
        <v>177</v>
      </c>
      <c r="M29" s="639" t="s">
        <v>176</v>
      </c>
      <c r="N29" s="637"/>
    </row>
    <row r="30" spans="1:14" ht="21" customHeight="1" x14ac:dyDescent="0.15">
      <c r="A30" s="1807"/>
      <c r="B30" s="1806"/>
      <c r="C30" s="1798" t="s">
        <v>275</v>
      </c>
      <c r="D30" s="1799"/>
      <c r="E30" s="1797" t="s">
        <v>276</v>
      </c>
      <c r="F30" s="1790" t="s">
        <v>230</v>
      </c>
      <c r="G30" s="1788" t="s">
        <v>237</v>
      </c>
      <c r="H30" s="1797" t="s">
        <v>236</v>
      </c>
      <c r="I30" s="1797" t="s">
        <v>235</v>
      </c>
      <c r="J30" s="1797" t="s">
        <v>234</v>
      </c>
      <c r="K30" s="1787" t="s">
        <v>233</v>
      </c>
      <c r="L30" s="1787" t="s">
        <v>232</v>
      </c>
      <c r="M30" s="1787" t="s">
        <v>231</v>
      </c>
      <c r="N30" s="1790" t="s">
        <v>230</v>
      </c>
    </row>
    <row r="31" spans="1:14" ht="18.75" customHeight="1" x14ac:dyDescent="0.15">
      <c r="A31" s="1808"/>
      <c r="B31" s="1806"/>
      <c r="C31" s="1800"/>
      <c r="D31" s="1799"/>
      <c r="E31" s="1801"/>
      <c r="F31" s="1790"/>
      <c r="G31" s="1788"/>
      <c r="H31" s="1797"/>
      <c r="I31" s="1797"/>
      <c r="J31" s="1797"/>
      <c r="K31" s="1787"/>
      <c r="L31" s="1787"/>
      <c r="M31" s="1787"/>
      <c r="N31" s="1790"/>
    </row>
    <row r="32" spans="1:14" ht="15.75" customHeight="1" thickBot="1" x14ac:dyDescent="0.2">
      <c r="A32" s="1819" t="s">
        <v>280</v>
      </c>
      <c r="B32" s="1814"/>
      <c r="C32" s="674"/>
      <c r="D32" s="675"/>
      <c r="E32" s="676"/>
      <c r="F32" s="630" t="s">
        <v>277</v>
      </c>
      <c r="G32" s="634"/>
      <c r="H32" s="633"/>
      <c r="I32" s="632"/>
      <c r="J32" s="632"/>
      <c r="K32" s="671"/>
      <c r="L32" s="671"/>
      <c r="M32" s="671"/>
      <c r="N32" s="630" t="s">
        <v>226</v>
      </c>
    </row>
    <row r="33" spans="1:14" ht="32.25" customHeight="1" x14ac:dyDescent="0.15">
      <c r="A33" s="1782" t="s">
        <v>217</v>
      </c>
      <c r="B33" s="1804"/>
      <c r="C33" s="1791">
        <v>2222725</v>
      </c>
      <c r="D33" s="1792"/>
      <c r="E33" s="607">
        <v>116341</v>
      </c>
      <c r="F33" s="606">
        <v>2339066</v>
      </c>
      <c r="G33" s="608">
        <v>87612</v>
      </c>
      <c r="H33" s="607">
        <v>1874583</v>
      </c>
      <c r="I33" s="607">
        <v>77946</v>
      </c>
      <c r="J33" s="607">
        <v>296271</v>
      </c>
      <c r="K33" s="607">
        <v>4</v>
      </c>
      <c r="L33" s="607">
        <v>2650</v>
      </c>
      <c r="M33" s="607">
        <v>0</v>
      </c>
      <c r="N33" s="606">
        <v>2339066</v>
      </c>
    </row>
    <row r="34" spans="1:14" ht="32.25" customHeight="1" thickBot="1" x14ac:dyDescent="0.2">
      <c r="A34" s="1813"/>
      <c r="B34" s="1814"/>
      <c r="C34" s="1793">
        <v>0.95026177115139121</v>
      </c>
      <c r="D34" s="1794"/>
      <c r="E34" s="604">
        <v>4.9738228848608804E-2</v>
      </c>
      <c r="F34" s="603">
        <v>1</v>
      </c>
      <c r="G34" s="605">
        <v>3.7455976017778038E-2</v>
      </c>
      <c r="H34" s="604">
        <v>0.80142373066856598</v>
      </c>
      <c r="I34" s="604">
        <v>3.332355735152407E-2</v>
      </c>
      <c r="J34" s="604">
        <v>0.12666209504135412</v>
      </c>
      <c r="K34" s="604">
        <v>1.7100842815038139E-6</v>
      </c>
      <c r="L34" s="604">
        <v>1.1329308364962766E-3</v>
      </c>
      <c r="M34" s="604">
        <v>0</v>
      </c>
      <c r="N34" s="603">
        <v>1</v>
      </c>
    </row>
    <row r="35" spans="1:14" ht="20.100000000000001" customHeight="1" x14ac:dyDescent="0.15">
      <c r="B35" s="602" t="s">
        <v>266</v>
      </c>
      <c r="C35" s="599"/>
      <c r="D35" s="599"/>
      <c r="E35" s="599"/>
      <c r="F35" s="599"/>
    </row>
    <row r="36" spans="1:14" ht="16.5" customHeight="1" x14ac:dyDescent="0.15">
      <c r="B36" s="602"/>
      <c r="C36" s="599"/>
      <c r="D36" s="599"/>
      <c r="E36" s="599"/>
      <c r="F36" s="599"/>
    </row>
  </sheetData>
  <mergeCells count="49">
    <mergeCell ref="A27:B27"/>
    <mergeCell ref="A28:B30"/>
    <mergeCell ref="A31:B31"/>
    <mergeCell ref="A32:B32"/>
    <mergeCell ref="A33:B34"/>
    <mergeCell ref="A4:B4"/>
    <mergeCell ref="A5:B7"/>
    <mergeCell ref="A8:B9"/>
    <mergeCell ref="A10:A23"/>
    <mergeCell ref="A24:B25"/>
    <mergeCell ref="B22:B23"/>
    <mergeCell ref="B20:B21"/>
    <mergeCell ref="J7:J8"/>
    <mergeCell ref="I7:I8"/>
    <mergeCell ref="D7:D8"/>
    <mergeCell ref="E7:E8"/>
    <mergeCell ref="H7:H8"/>
    <mergeCell ref="C33:D33"/>
    <mergeCell ref="C34:D34"/>
    <mergeCell ref="C27:F27"/>
    <mergeCell ref="E24:E25"/>
    <mergeCell ref="G27:N27"/>
    <mergeCell ref="N30:N31"/>
    <mergeCell ref="I30:I31"/>
    <mergeCell ref="J30:J31"/>
    <mergeCell ref="K30:K31"/>
    <mergeCell ref="L30:L31"/>
    <mergeCell ref="M30:M31"/>
    <mergeCell ref="C30:D31"/>
    <mergeCell ref="E30:E31"/>
    <mergeCell ref="F30:F31"/>
    <mergeCell ref="G30:G31"/>
    <mergeCell ref="H30:H31"/>
    <mergeCell ref="I2:N3"/>
    <mergeCell ref="B18:B19"/>
    <mergeCell ref="D24:D25"/>
    <mergeCell ref="B10:B11"/>
    <mergeCell ref="B12:B13"/>
    <mergeCell ref="B14:B15"/>
    <mergeCell ref="B16:B17"/>
    <mergeCell ref="F24:F25"/>
    <mergeCell ref="C24:C25"/>
    <mergeCell ref="C4:F4"/>
    <mergeCell ref="G4:N4"/>
    <mergeCell ref="M7:M8"/>
    <mergeCell ref="G7:G8"/>
    <mergeCell ref="K7:K8"/>
    <mergeCell ref="L7:L8"/>
    <mergeCell ref="N7:N8"/>
  </mergeCells>
  <phoneticPr fontId="3"/>
  <conditionalFormatting sqref="A1:O2 P1:XFD37 A3:A5 C3:O9 A8 A10:O10 B11:O23 A24 C24:O25 A26:O26 A27 C27:N28 O27:O32 A31 A33 C33:C34 E33:O34 A35:O37 A38:XFD1048576">
    <cfRule type="cellIs" dxfId="20" priority="5" operator="equal">
      <formula>0</formula>
    </cfRule>
  </conditionalFormatting>
  <conditionalFormatting sqref="C29:C30">
    <cfRule type="cellIs" dxfId="19" priority="1" operator="equal">
      <formula>0</formula>
    </cfRule>
  </conditionalFormatting>
  <conditionalFormatting sqref="E30">
    <cfRule type="cellIs" dxfId="18" priority="4" operator="equal">
      <formula>0</formula>
    </cfRule>
  </conditionalFormatting>
  <conditionalFormatting sqref="F29:N32">
    <cfRule type="cellIs" dxfId="17" priority="2" operator="equal">
      <formula>0</formula>
    </cfRule>
  </conditionalFormatting>
  <pageMargins left="0.59055118110236227" right="0.59055118110236227" top="0.78740157480314965" bottom="0.78740157480314965" header="0.51181102362204722" footer="0.39370078740157483"/>
  <pageSetup paperSize="9" scale="78"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34EF39-DB5F-4BA2-A453-BDA6D72BCE41}">
  <sheetPr>
    <pageSetUpPr fitToPage="1"/>
  </sheetPr>
  <dimension ref="A1:T45"/>
  <sheetViews>
    <sheetView zoomScaleNormal="100" zoomScaleSheetLayoutView="100" workbookViewId="0">
      <pane xSplit="1" ySplit="6" topLeftCell="B7" activePane="bottomRight" state="frozen"/>
      <selection activeCell="Y11" sqref="Y11"/>
      <selection pane="topRight" activeCell="Y11" sqref="Y11"/>
      <selection pane="bottomLeft" activeCell="Y11" sqref="Y11"/>
      <selection pane="bottomRight" activeCell="S18" sqref="S18"/>
    </sheetView>
  </sheetViews>
  <sheetFormatPr defaultColWidth="9" defaultRowHeight="16.5" customHeight="1" x14ac:dyDescent="0.15"/>
  <cols>
    <col min="1" max="1" width="18.625" style="81" customWidth="1"/>
    <col min="2" max="3" width="11" style="81" customWidth="1"/>
    <col min="4" max="4" width="11" style="287" customWidth="1"/>
    <col min="5" max="5" width="10" style="287" customWidth="1"/>
    <col min="6" max="6" width="1.625" style="287" customWidth="1"/>
    <col min="7" max="8" width="11" style="287" customWidth="1"/>
    <col min="9" max="12" width="10.625" style="287" customWidth="1"/>
    <col min="13" max="13" width="1.875" style="287" customWidth="1"/>
    <col min="14" max="14" width="1.125" style="287" customWidth="1"/>
    <col min="15" max="15" width="7.625" style="287" customWidth="1"/>
    <col min="16" max="16" width="1.375" style="287" customWidth="1"/>
    <col min="17" max="17" width="3.125" style="287" customWidth="1"/>
    <col min="18" max="19" width="10.125" style="287" customWidth="1"/>
    <col min="20" max="20" width="5.5" style="287" customWidth="1"/>
    <col min="21" max="16384" width="9" style="287"/>
  </cols>
  <sheetData>
    <row r="1" spans="1:20" ht="16.5" customHeight="1" x14ac:dyDescent="0.15">
      <c r="A1" s="429" t="s">
        <v>334</v>
      </c>
      <c r="B1" s="429"/>
      <c r="C1" s="429"/>
    </row>
    <row r="2" spans="1:20" ht="9" customHeight="1" x14ac:dyDescent="0.15">
      <c r="A2" s="425"/>
      <c r="B2" s="425"/>
      <c r="C2" s="425"/>
    </row>
    <row r="3" spans="1:20" s="142" customFormat="1" ht="16.5" customHeight="1" thickBot="1" x14ac:dyDescent="0.2">
      <c r="A3" s="866" t="s">
        <v>335</v>
      </c>
      <c r="B3" s="867"/>
      <c r="C3" s="867"/>
      <c r="L3" s="417" t="s">
        <v>201</v>
      </c>
    </row>
    <row r="4" spans="1:20" s="877" customFormat="1" ht="15.75" customHeight="1" x14ac:dyDescent="0.15">
      <c r="A4" s="868"/>
      <c r="B4" s="868"/>
      <c r="C4" s="869"/>
      <c r="D4" s="870" t="s">
        <v>77</v>
      </c>
      <c r="E4" s="871"/>
      <c r="F4" s="871"/>
      <c r="G4" s="871"/>
      <c r="H4" s="872"/>
      <c r="I4" s="873" t="s">
        <v>75</v>
      </c>
      <c r="J4" s="874" t="s">
        <v>74</v>
      </c>
      <c r="K4" s="875"/>
      <c r="L4" s="872"/>
      <c r="M4" s="876"/>
      <c r="N4" s="1827" t="s">
        <v>336</v>
      </c>
      <c r="O4" s="1828"/>
      <c r="P4" s="1829"/>
    </row>
    <row r="5" spans="1:20" s="877" customFormat="1" ht="18" customHeight="1" x14ac:dyDescent="0.15">
      <c r="A5" s="878" t="s">
        <v>337</v>
      </c>
      <c r="B5" s="1830" t="s">
        <v>338</v>
      </c>
      <c r="C5" s="1832" t="s">
        <v>339</v>
      </c>
      <c r="D5" s="879" t="s">
        <v>340</v>
      </c>
      <c r="E5" s="880" t="s">
        <v>341</v>
      </c>
      <c r="F5" s="881"/>
      <c r="G5" s="881"/>
      <c r="H5" s="882"/>
      <c r="I5" s="1834" t="s">
        <v>342</v>
      </c>
      <c r="J5" s="1836" t="s">
        <v>343</v>
      </c>
      <c r="K5" s="1838" t="s">
        <v>344</v>
      </c>
      <c r="L5" s="1840" t="s">
        <v>345</v>
      </c>
      <c r="M5" s="883"/>
      <c r="N5" s="1842" t="s">
        <v>346</v>
      </c>
      <c r="O5" s="1843"/>
      <c r="P5" s="1844"/>
    </row>
    <row r="6" spans="1:20" s="877" customFormat="1" ht="18" customHeight="1" thickBot="1" x14ac:dyDescent="0.2">
      <c r="A6" s="884"/>
      <c r="B6" s="1831"/>
      <c r="C6" s="1833"/>
      <c r="D6" s="885" t="s">
        <v>347</v>
      </c>
      <c r="E6" s="1845" t="s">
        <v>348</v>
      </c>
      <c r="F6" s="1846"/>
      <c r="G6" s="886" t="s">
        <v>349</v>
      </c>
      <c r="H6" s="887" t="s">
        <v>189</v>
      </c>
      <c r="I6" s="1835"/>
      <c r="J6" s="1837"/>
      <c r="K6" s="1839"/>
      <c r="L6" s="1841"/>
      <c r="M6" s="883"/>
      <c r="N6" s="1847" t="s">
        <v>350</v>
      </c>
      <c r="O6" s="1848"/>
      <c r="P6" s="1849"/>
    </row>
    <row r="7" spans="1:20" s="902" customFormat="1" ht="18.75" customHeight="1" x14ac:dyDescent="0.15">
      <c r="A7" s="888" t="s">
        <v>37</v>
      </c>
      <c r="B7" s="889">
        <v>779397</v>
      </c>
      <c r="C7" s="890">
        <v>27077</v>
      </c>
      <c r="D7" s="891">
        <v>806474</v>
      </c>
      <c r="E7" s="892">
        <v>0</v>
      </c>
      <c r="F7" s="892"/>
      <c r="G7" s="893">
        <v>0</v>
      </c>
      <c r="H7" s="894">
        <v>0</v>
      </c>
      <c r="I7" s="895">
        <v>0</v>
      </c>
      <c r="J7" s="896">
        <v>806474</v>
      </c>
      <c r="K7" s="893">
        <v>0</v>
      </c>
      <c r="L7" s="897">
        <v>100</v>
      </c>
      <c r="M7" s="898"/>
      <c r="N7" s="899"/>
      <c r="O7" s="900">
        <v>0.99696142568225754</v>
      </c>
      <c r="P7" s="901"/>
      <c r="Q7" s="902" t="s">
        <v>351</v>
      </c>
    </row>
    <row r="8" spans="1:20" s="902" customFormat="1" ht="18.75" customHeight="1" x14ac:dyDescent="0.15">
      <c r="A8" s="903" t="s">
        <v>36</v>
      </c>
      <c r="B8" s="904">
        <v>304245</v>
      </c>
      <c r="C8" s="905">
        <v>10893</v>
      </c>
      <c r="D8" s="906">
        <v>315138</v>
      </c>
      <c r="E8" s="907">
        <v>0</v>
      </c>
      <c r="F8" s="907"/>
      <c r="G8" s="908">
        <v>0</v>
      </c>
      <c r="H8" s="909">
        <v>0</v>
      </c>
      <c r="I8" s="910">
        <v>0</v>
      </c>
      <c r="J8" s="911">
        <v>315138</v>
      </c>
      <c r="K8" s="912">
        <v>0</v>
      </c>
      <c r="L8" s="913">
        <v>100</v>
      </c>
      <c r="M8" s="898"/>
      <c r="N8" s="914"/>
      <c r="O8" s="915">
        <v>0.98416654174786389</v>
      </c>
      <c r="P8" s="916"/>
      <c r="Q8" s="1820" t="s">
        <v>352</v>
      </c>
      <c r="R8" s="1821" t="s">
        <v>353</v>
      </c>
      <c r="S8" s="1821"/>
      <c r="T8" s="1822" t="s">
        <v>354</v>
      </c>
    </row>
    <row r="9" spans="1:20" s="902" customFormat="1" ht="18.75" customHeight="1" x14ac:dyDescent="0.15">
      <c r="A9" s="903" t="s">
        <v>35</v>
      </c>
      <c r="B9" s="917">
        <v>161163</v>
      </c>
      <c r="C9" s="918">
        <v>2833</v>
      </c>
      <c r="D9" s="919">
        <v>163996</v>
      </c>
      <c r="E9" s="920">
        <v>0</v>
      </c>
      <c r="F9" s="920"/>
      <c r="G9" s="912">
        <v>0</v>
      </c>
      <c r="H9" s="921">
        <v>0</v>
      </c>
      <c r="I9" s="922">
        <v>0</v>
      </c>
      <c r="J9" s="911">
        <v>163996</v>
      </c>
      <c r="K9" s="912">
        <v>0</v>
      </c>
      <c r="L9" s="923">
        <v>100</v>
      </c>
      <c r="M9" s="898"/>
      <c r="N9" s="914"/>
      <c r="O9" s="915">
        <v>0.99687556987417181</v>
      </c>
      <c r="P9" s="916"/>
      <c r="Q9" s="1820"/>
      <c r="R9" s="1823" t="s">
        <v>355</v>
      </c>
      <c r="S9" s="1823"/>
      <c r="T9" s="1822"/>
    </row>
    <row r="10" spans="1:20" s="902" customFormat="1" ht="18.75" customHeight="1" x14ac:dyDescent="0.15">
      <c r="A10" s="903" t="s">
        <v>34</v>
      </c>
      <c r="B10" s="917">
        <v>75456</v>
      </c>
      <c r="C10" s="918">
        <v>3501</v>
      </c>
      <c r="D10" s="919">
        <v>78957</v>
      </c>
      <c r="E10" s="920">
        <v>0</v>
      </c>
      <c r="F10" s="920"/>
      <c r="G10" s="912">
        <v>0</v>
      </c>
      <c r="H10" s="921">
        <v>0</v>
      </c>
      <c r="I10" s="922">
        <v>8237</v>
      </c>
      <c r="J10" s="911">
        <v>87194</v>
      </c>
      <c r="K10" s="912">
        <v>0</v>
      </c>
      <c r="L10" s="923">
        <v>110.43226059754043</v>
      </c>
      <c r="M10" s="898"/>
      <c r="N10" s="914"/>
      <c r="O10" s="915">
        <v>0.99073969508752113</v>
      </c>
      <c r="P10" s="916"/>
    </row>
    <row r="11" spans="1:20" s="902" customFormat="1" ht="18.75" customHeight="1" thickBot="1" x14ac:dyDescent="0.2">
      <c r="A11" s="924" t="s">
        <v>33</v>
      </c>
      <c r="B11" s="925">
        <v>53834</v>
      </c>
      <c r="C11" s="926">
        <v>2511</v>
      </c>
      <c r="D11" s="927">
        <v>56345</v>
      </c>
      <c r="E11" s="928">
        <v>0</v>
      </c>
      <c r="F11" s="928"/>
      <c r="G11" s="929">
        <v>0</v>
      </c>
      <c r="H11" s="930">
        <v>0</v>
      </c>
      <c r="I11" s="931">
        <v>12442</v>
      </c>
      <c r="J11" s="932">
        <v>68787</v>
      </c>
      <c r="K11" s="929">
        <v>0</v>
      </c>
      <c r="L11" s="933">
        <v>122.08181737509982</v>
      </c>
      <c r="M11" s="898"/>
      <c r="N11" s="934"/>
      <c r="O11" s="935">
        <v>0.97984488035614914</v>
      </c>
      <c r="P11" s="936"/>
      <c r="Q11" s="1824" t="s">
        <v>356</v>
      </c>
      <c r="R11" s="1825"/>
      <c r="S11" s="1825"/>
      <c r="T11" s="1825"/>
    </row>
    <row r="12" spans="1:20" s="902" customFormat="1" ht="18.75" customHeight="1" x14ac:dyDescent="0.15">
      <c r="A12" s="888" t="s">
        <v>32</v>
      </c>
      <c r="B12" s="889">
        <v>21309</v>
      </c>
      <c r="C12" s="937">
        <v>2220</v>
      </c>
      <c r="D12" s="938">
        <v>23529</v>
      </c>
      <c r="E12" s="939">
        <v>1991</v>
      </c>
      <c r="F12" s="939"/>
      <c r="G12" s="940">
        <v>4536</v>
      </c>
      <c r="H12" s="941">
        <v>6527</v>
      </c>
      <c r="I12" s="942">
        <v>0</v>
      </c>
      <c r="J12" s="896">
        <v>17002</v>
      </c>
      <c r="K12" s="940">
        <v>0</v>
      </c>
      <c r="L12" s="943">
        <v>72.259764545879563</v>
      </c>
      <c r="M12" s="898"/>
      <c r="N12" s="944"/>
      <c r="O12" s="945">
        <v>0.99944779542944528</v>
      </c>
      <c r="P12" s="946"/>
      <c r="Q12" s="1826"/>
      <c r="R12" s="1825"/>
      <c r="S12" s="1825"/>
      <c r="T12" s="1825"/>
    </row>
    <row r="13" spans="1:20" s="902" customFormat="1" ht="18.75" customHeight="1" x14ac:dyDescent="0.15">
      <c r="A13" s="903" t="s">
        <v>31</v>
      </c>
      <c r="B13" s="917">
        <v>81843</v>
      </c>
      <c r="C13" s="918">
        <v>8569</v>
      </c>
      <c r="D13" s="919">
        <v>90412</v>
      </c>
      <c r="E13" s="920">
        <v>0</v>
      </c>
      <c r="F13" s="920"/>
      <c r="G13" s="912">
        <v>0</v>
      </c>
      <c r="H13" s="921">
        <v>0</v>
      </c>
      <c r="I13" s="922">
        <v>0</v>
      </c>
      <c r="J13" s="911">
        <v>90412</v>
      </c>
      <c r="K13" s="912">
        <v>0</v>
      </c>
      <c r="L13" s="923">
        <v>100</v>
      </c>
      <c r="M13" s="898"/>
      <c r="N13" s="914"/>
      <c r="O13" s="915">
        <v>0.98276049479336502</v>
      </c>
      <c r="P13" s="916"/>
    </row>
    <row r="14" spans="1:20" s="902" customFormat="1" ht="18.75" customHeight="1" x14ac:dyDescent="0.15">
      <c r="A14" s="903" t="s">
        <v>30</v>
      </c>
      <c r="B14" s="917">
        <v>45703</v>
      </c>
      <c r="C14" s="918">
        <v>2699</v>
      </c>
      <c r="D14" s="919">
        <v>48402</v>
      </c>
      <c r="E14" s="920">
        <v>0</v>
      </c>
      <c r="F14" s="920"/>
      <c r="G14" s="912">
        <v>2073</v>
      </c>
      <c r="H14" s="921">
        <v>2073</v>
      </c>
      <c r="I14" s="922">
        <v>0</v>
      </c>
      <c r="J14" s="911">
        <v>46329</v>
      </c>
      <c r="K14" s="912">
        <v>0</v>
      </c>
      <c r="L14" s="923">
        <v>95.717119127308791</v>
      </c>
      <c r="M14" s="898"/>
      <c r="N14" s="914"/>
      <c r="O14" s="915">
        <v>0.99044383965294969</v>
      </c>
      <c r="P14" s="916"/>
    </row>
    <row r="15" spans="1:20" s="902" customFormat="1" ht="18.75" customHeight="1" x14ac:dyDescent="0.15">
      <c r="A15" s="903" t="s">
        <v>29</v>
      </c>
      <c r="B15" s="917">
        <v>42491</v>
      </c>
      <c r="C15" s="918">
        <v>4671</v>
      </c>
      <c r="D15" s="919">
        <v>47162</v>
      </c>
      <c r="E15" s="920">
        <v>0</v>
      </c>
      <c r="F15" s="920"/>
      <c r="G15" s="912">
        <v>0</v>
      </c>
      <c r="H15" s="921">
        <v>0</v>
      </c>
      <c r="I15" s="922">
        <v>11661</v>
      </c>
      <c r="J15" s="911">
        <v>58823</v>
      </c>
      <c r="K15" s="912">
        <v>0</v>
      </c>
      <c r="L15" s="923">
        <v>124.72541452864594</v>
      </c>
      <c r="M15" s="898"/>
      <c r="N15" s="914"/>
      <c r="O15" s="915">
        <v>0.99843339825556776</v>
      </c>
      <c r="P15" s="916"/>
    </row>
    <row r="16" spans="1:20" s="902" customFormat="1" ht="18.75" customHeight="1" thickBot="1" x14ac:dyDescent="0.2">
      <c r="A16" s="924" t="s">
        <v>28</v>
      </c>
      <c r="B16" s="925">
        <v>9173</v>
      </c>
      <c r="C16" s="926">
        <v>850</v>
      </c>
      <c r="D16" s="927">
        <v>10023</v>
      </c>
      <c r="E16" s="928">
        <v>0</v>
      </c>
      <c r="F16" s="928"/>
      <c r="G16" s="929">
        <v>0</v>
      </c>
      <c r="H16" s="930">
        <v>0</v>
      </c>
      <c r="I16" s="931">
        <v>5633</v>
      </c>
      <c r="J16" s="932">
        <v>15656</v>
      </c>
      <c r="K16" s="929">
        <v>0</v>
      </c>
      <c r="L16" s="933">
        <v>156.20073830190563</v>
      </c>
      <c r="M16" s="898"/>
      <c r="N16" s="934"/>
      <c r="O16" s="935">
        <v>1</v>
      </c>
      <c r="P16" s="936"/>
    </row>
    <row r="17" spans="1:16" s="902" customFormat="1" ht="18.75" customHeight="1" x14ac:dyDescent="0.15">
      <c r="A17" s="888" t="s">
        <v>27</v>
      </c>
      <c r="B17" s="889">
        <v>7960</v>
      </c>
      <c r="C17" s="937">
        <v>277</v>
      </c>
      <c r="D17" s="938">
        <v>8237</v>
      </c>
      <c r="E17" s="939">
        <v>8237</v>
      </c>
      <c r="F17" s="939"/>
      <c r="G17" s="940">
        <v>0</v>
      </c>
      <c r="H17" s="941">
        <v>8237</v>
      </c>
      <c r="I17" s="942">
        <v>0</v>
      </c>
      <c r="J17" s="896">
        <v>0</v>
      </c>
      <c r="K17" s="940">
        <v>0</v>
      </c>
      <c r="L17" s="943">
        <v>0</v>
      </c>
      <c r="M17" s="898"/>
      <c r="N17" s="947"/>
      <c r="O17" s="948">
        <v>0.87117927022739294</v>
      </c>
      <c r="P17" s="949"/>
    </row>
    <row r="18" spans="1:16" s="902" customFormat="1" ht="18.75" customHeight="1" x14ac:dyDescent="0.15">
      <c r="A18" s="903" t="s">
        <v>26</v>
      </c>
      <c r="B18" s="917">
        <v>31796</v>
      </c>
      <c r="C18" s="918">
        <v>492</v>
      </c>
      <c r="D18" s="919">
        <v>32288</v>
      </c>
      <c r="E18" s="920">
        <v>0</v>
      </c>
      <c r="F18" s="920"/>
      <c r="G18" s="912">
        <v>190</v>
      </c>
      <c r="H18" s="921">
        <v>190</v>
      </c>
      <c r="I18" s="922">
        <v>0</v>
      </c>
      <c r="J18" s="911">
        <v>32098</v>
      </c>
      <c r="K18" s="912">
        <v>32098</v>
      </c>
      <c r="L18" s="923">
        <v>99.411546085232899</v>
      </c>
      <c r="M18" s="898"/>
      <c r="N18" s="914"/>
      <c r="O18" s="915">
        <v>0.98553201880227093</v>
      </c>
      <c r="P18" s="916"/>
    </row>
    <row r="19" spans="1:16" s="902" customFormat="1" ht="18.75" customHeight="1" x14ac:dyDescent="0.15">
      <c r="A19" s="903" t="s">
        <v>25</v>
      </c>
      <c r="B19" s="917">
        <v>45962</v>
      </c>
      <c r="C19" s="918">
        <v>1435</v>
      </c>
      <c r="D19" s="919">
        <v>47397</v>
      </c>
      <c r="E19" s="920">
        <v>0</v>
      </c>
      <c r="F19" s="920"/>
      <c r="G19" s="912">
        <v>158</v>
      </c>
      <c r="H19" s="921">
        <v>158</v>
      </c>
      <c r="I19" s="922">
        <v>8904</v>
      </c>
      <c r="J19" s="911">
        <v>56143</v>
      </c>
      <c r="K19" s="912">
        <v>0</v>
      </c>
      <c r="L19" s="923">
        <v>118.45264468215288</v>
      </c>
      <c r="M19" s="898"/>
      <c r="N19" s="914"/>
      <c r="O19" s="915">
        <v>1</v>
      </c>
      <c r="P19" s="916"/>
    </row>
    <row r="20" spans="1:16" s="902" customFormat="1" ht="18.75" customHeight="1" x14ac:dyDescent="0.15">
      <c r="A20" s="903" t="s">
        <v>24</v>
      </c>
      <c r="B20" s="917">
        <v>49991</v>
      </c>
      <c r="C20" s="918">
        <v>997</v>
      </c>
      <c r="D20" s="919">
        <v>50988</v>
      </c>
      <c r="E20" s="920">
        <v>0</v>
      </c>
      <c r="F20" s="920"/>
      <c r="G20" s="912">
        <v>0</v>
      </c>
      <c r="H20" s="921">
        <v>0</v>
      </c>
      <c r="I20" s="922">
        <v>0</v>
      </c>
      <c r="J20" s="911">
        <v>50988</v>
      </c>
      <c r="K20" s="912">
        <v>0</v>
      </c>
      <c r="L20" s="923">
        <v>100</v>
      </c>
      <c r="M20" s="898"/>
      <c r="N20" s="914"/>
      <c r="O20" s="915">
        <v>0.99605391678062116</v>
      </c>
      <c r="P20" s="916"/>
    </row>
    <row r="21" spans="1:16" s="902" customFormat="1" ht="18.75" customHeight="1" thickBot="1" x14ac:dyDescent="0.2">
      <c r="A21" s="924" t="s">
        <v>23</v>
      </c>
      <c r="B21" s="925">
        <v>21003</v>
      </c>
      <c r="C21" s="926">
        <v>272</v>
      </c>
      <c r="D21" s="927">
        <v>21275</v>
      </c>
      <c r="E21" s="928">
        <v>0</v>
      </c>
      <c r="F21" s="928"/>
      <c r="G21" s="929">
        <v>107</v>
      </c>
      <c r="H21" s="930">
        <v>107</v>
      </c>
      <c r="I21" s="931">
        <v>0</v>
      </c>
      <c r="J21" s="950">
        <v>21168</v>
      </c>
      <c r="K21" s="929">
        <v>21168</v>
      </c>
      <c r="L21" s="933">
        <v>99.497062279670985</v>
      </c>
      <c r="M21" s="898"/>
      <c r="N21" s="934"/>
      <c r="O21" s="935">
        <v>0.9876056076501718</v>
      </c>
      <c r="P21" s="936"/>
    </row>
    <row r="22" spans="1:16" s="902" customFormat="1" ht="18.75" customHeight="1" x14ac:dyDescent="0.15">
      <c r="A22" s="888" t="s">
        <v>22</v>
      </c>
      <c r="B22" s="889">
        <v>23966</v>
      </c>
      <c r="C22" s="937">
        <v>945</v>
      </c>
      <c r="D22" s="938">
        <v>24911</v>
      </c>
      <c r="E22" s="939">
        <v>0</v>
      </c>
      <c r="F22" s="939"/>
      <c r="G22" s="940">
        <v>0</v>
      </c>
      <c r="H22" s="941">
        <v>0</v>
      </c>
      <c r="I22" s="942">
        <v>0</v>
      </c>
      <c r="J22" s="951">
        <v>24911</v>
      </c>
      <c r="K22" s="940">
        <v>24911</v>
      </c>
      <c r="L22" s="943">
        <v>100</v>
      </c>
      <c r="M22" s="898"/>
      <c r="N22" s="947"/>
      <c r="O22" s="948">
        <v>1</v>
      </c>
      <c r="P22" s="949"/>
    </row>
    <row r="23" spans="1:16" s="902" customFormat="1" ht="18.75" customHeight="1" x14ac:dyDescent="0.15">
      <c r="A23" s="903" t="s">
        <v>21</v>
      </c>
      <c r="B23" s="917">
        <v>22877</v>
      </c>
      <c r="C23" s="918">
        <v>569</v>
      </c>
      <c r="D23" s="919">
        <v>23446</v>
      </c>
      <c r="E23" s="920">
        <v>0</v>
      </c>
      <c r="F23" s="920"/>
      <c r="G23" s="912">
        <v>0</v>
      </c>
      <c r="H23" s="921">
        <v>0</v>
      </c>
      <c r="I23" s="922">
        <v>0</v>
      </c>
      <c r="J23" s="911">
        <v>23446</v>
      </c>
      <c r="K23" s="912">
        <v>23446</v>
      </c>
      <c r="L23" s="923">
        <v>100</v>
      </c>
      <c r="M23" s="898"/>
      <c r="N23" s="914"/>
      <c r="O23" s="915">
        <v>1</v>
      </c>
      <c r="P23" s="916"/>
    </row>
    <row r="24" spans="1:16" s="902" customFormat="1" ht="18.75" customHeight="1" x14ac:dyDescent="0.15">
      <c r="A24" s="903" t="s">
        <v>20</v>
      </c>
      <c r="B24" s="917">
        <v>8482</v>
      </c>
      <c r="C24" s="918">
        <v>264</v>
      </c>
      <c r="D24" s="919">
        <v>8746</v>
      </c>
      <c r="E24" s="920">
        <v>0</v>
      </c>
      <c r="F24" s="920"/>
      <c r="G24" s="912">
        <v>191</v>
      </c>
      <c r="H24" s="921">
        <v>191</v>
      </c>
      <c r="I24" s="922">
        <v>0</v>
      </c>
      <c r="J24" s="911">
        <v>8555</v>
      </c>
      <c r="K24" s="912">
        <v>0</v>
      </c>
      <c r="L24" s="923">
        <v>97.81614452321061</v>
      </c>
      <c r="M24" s="898"/>
      <c r="N24" s="914"/>
      <c r="O24" s="915">
        <v>0.98513178643838706</v>
      </c>
      <c r="P24" s="916"/>
    </row>
    <row r="25" spans="1:16" s="902" customFormat="1" ht="18.75" customHeight="1" thickBot="1" x14ac:dyDescent="0.2">
      <c r="A25" s="952" t="s">
        <v>19</v>
      </c>
      <c r="B25" s="953">
        <v>15765</v>
      </c>
      <c r="C25" s="954">
        <v>229</v>
      </c>
      <c r="D25" s="919">
        <v>15994</v>
      </c>
      <c r="E25" s="955">
        <v>0</v>
      </c>
      <c r="F25" s="955"/>
      <c r="G25" s="956">
        <v>0</v>
      </c>
      <c r="H25" s="957">
        <v>0</v>
      </c>
      <c r="I25" s="958">
        <v>0</v>
      </c>
      <c r="J25" s="950">
        <v>15994</v>
      </c>
      <c r="K25" s="956">
        <v>15994</v>
      </c>
      <c r="L25" s="923">
        <v>100</v>
      </c>
      <c r="M25" s="898"/>
      <c r="N25" s="959"/>
      <c r="O25" s="960">
        <v>1</v>
      </c>
      <c r="P25" s="961"/>
    </row>
    <row r="26" spans="1:16" s="902" customFormat="1" ht="18.75" customHeight="1" thickBot="1" x14ac:dyDescent="0.2">
      <c r="A26" s="962" t="s">
        <v>18</v>
      </c>
      <c r="B26" s="963">
        <v>1802416</v>
      </c>
      <c r="C26" s="964">
        <v>71304</v>
      </c>
      <c r="D26" s="965">
        <v>1873720</v>
      </c>
      <c r="E26" s="966">
        <v>10228</v>
      </c>
      <c r="F26" s="965"/>
      <c r="G26" s="967">
        <v>7255</v>
      </c>
      <c r="H26" s="968">
        <v>17483</v>
      </c>
      <c r="I26" s="969">
        <v>46877</v>
      </c>
      <c r="J26" s="970">
        <v>1903114</v>
      </c>
      <c r="K26" s="967">
        <v>117617</v>
      </c>
      <c r="L26" s="971">
        <v>101.56875093397093</v>
      </c>
      <c r="M26" s="898"/>
      <c r="N26" s="972"/>
      <c r="O26" s="973">
        <v>0.99238808278410162</v>
      </c>
      <c r="P26" s="974"/>
    </row>
    <row r="27" spans="1:16" s="902" customFormat="1" ht="18.75" customHeight="1" x14ac:dyDescent="0.15">
      <c r="A27" s="888" t="s">
        <v>17</v>
      </c>
      <c r="B27" s="889">
        <v>5092</v>
      </c>
      <c r="C27" s="937">
        <v>62</v>
      </c>
      <c r="D27" s="919">
        <v>5154</v>
      </c>
      <c r="E27" s="939">
        <v>4899</v>
      </c>
      <c r="F27" s="939"/>
      <c r="G27" s="940">
        <v>255</v>
      </c>
      <c r="H27" s="941">
        <v>5154</v>
      </c>
      <c r="I27" s="942">
        <v>0</v>
      </c>
      <c r="J27" s="975">
        <v>0</v>
      </c>
      <c r="K27" s="912">
        <v>0</v>
      </c>
      <c r="L27" s="943">
        <v>0</v>
      </c>
      <c r="M27" s="898"/>
      <c r="N27" s="947"/>
      <c r="O27" s="948">
        <v>0.99594202898550721</v>
      </c>
      <c r="P27" s="949"/>
    </row>
    <row r="28" spans="1:16" s="902" customFormat="1" ht="18.75" customHeight="1" x14ac:dyDescent="0.15">
      <c r="A28" s="903" t="s">
        <v>16</v>
      </c>
      <c r="B28" s="917">
        <v>9528</v>
      </c>
      <c r="C28" s="918">
        <v>878</v>
      </c>
      <c r="D28" s="919">
        <v>10406</v>
      </c>
      <c r="E28" s="920">
        <v>10406</v>
      </c>
      <c r="F28" s="920"/>
      <c r="G28" s="912">
        <v>0</v>
      </c>
      <c r="H28" s="921">
        <v>10406</v>
      </c>
      <c r="I28" s="922">
        <v>0</v>
      </c>
      <c r="J28" s="976">
        <v>0</v>
      </c>
      <c r="K28" s="912">
        <v>0</v>
      </c>
      <c r="L28" s="923">
        <v>0</v>
      </c>
      <c r="M28" s="898"/>
      <c r="N28" s="914"/>
      <c r="O28" s="915">
        <v>0.99913586173787805</v>
      </c>
      <c r="P28" s="916"/>
    </row>
    <row r="29" spans="1:16" s="902" customFormat="1" ht="18.75" customHeight="1" x14ac:dyDescent="0.15">
      <c r="A29" s="903" t="s">
        <v>15</v>
      </c>
      <c r="B29" s="917">
        <v>6819</v>
      </c>
      <c r="C29" s="918">
        <v>448</v>
      </c>
      <c r="D29" s="919">
        <v>7267</v>
      </c>
      <c r="E29" s="920">
        <v>7267</v>
      </c>
      <c r="F29" s="920"/>
      <c r="G29" s="912">
        <v>0</v>
      </c>
      <c r="H29" s="921">
        <v>7267</v>
      </c>
      <c r="I29" s="922">
        <v>0</v>
      </c>
      <c r="J29" s="976">
        <v>0</v>
      </c>
      <c r="K29" s="912">
        <v>0</v>
      </c>
      <c r="L29" s="923">
        <v>0</v>
      </c>
      <c r="M29" s="898"/>
      <c r="N29" s="914"/>
      <c r="O29" s="915">
        <v>0.98083412066405717</v>
      </c>
      <c r="P29" s="916"/>
    </row>
    <row r="30" spans="1:16" s="902" customFormat="1" ht="18.75" customHeight="1" thickBot="1" x14ac:dyDescent="0.2">
      <c r="A30" s="924" t="s">
        <v>14</v>
      </c>
      <c r="B30" s="925">
        <v>4734</v>
      </c>
      <c r="C30" s="926">
        <v>441</v>
      </c>
      <c r="D30" s="977">
        <v>5175</v>
      </c>
      <c r="E30" s="955">
        <v>5175</v>
      </c>
      <c r="F30" s="955"/>
      <c r="G30" s="956">
        <v>0</v>
      </c>
      <c r="H30" s="957">
        <v>5175</v>
      </c>
      <c r="I30" s="958">
        <v>0</v>
      </c>
      <c r="J30" s="978">
        <v>0</v>
      </c>
      <c r="K30" s="956">
        <v>0</v>
      </c>
      <c r="L30" s="979">
        <v>0</v>
      </c>
      <c r="M30" s="898"/>
      <c r="N30" s="934"/>
      <c r="O30" s="935">
        <v>0.97000937207122773</v>
      </c>
      <c r="P30" s="936"/>
    </row>
    <row r="31" spans="1:16" s="902" customFormat="1" ht="18.75" customHeight="1" x14ac:dyDescent="0.15">
      <c r="A31" s="888" t="s">
        <v>13</v>
      </c>
      <c r="B31" s="889">
        <v>2335</v>
      </c>
      <c r="C31" s="937">
        <v>4</v>
      </c>
      <c r="D31" s="891">
        <v>2339</v>
      </c>
      <c r="E31" s="892">
        <v>0</v>
      </c>
      <c r="F31" s="892"/>
      <c r="G31" s="893">
        <v>0</v>
      </c>
      <c r="H31" s="894">
        <v>0</v>
      </c>
      <c r="I31" s="895">
        <v>0</v>
      </c>
      <c r="J31" s="980">
        <v>2339</v>
      </c>
      <c r="K31" s="893">
        <v>2339</v>
      </c>
      <c r="L31" s="897">
        <v>100</v>
      </c>
      <c r="M31" s="898"/>
      <c r="N31" s="947"/>
      <c r="O31" s="948">
        <v>0.99110169491525424</v>
      </c>
      <c r="P31" s="949"/>
    </row>
    <row r="32" spans="1:16" s="902" customFormat="1" ht="18.75" customHeight="1" x14ac:dyDescent="0.15">
      <c r="A32" s="903" t="s">
        <v>12</v>
      </c>
      <c r="B32" s="917">
        <v>3831</v>
      </c>
      <c r="C32" s="918">
        <v>6</v>
      </c>
      <c r="D32" s="919">
        <v>3837</v>
      </c>
      <c r="E32" s="920">
        <v>0</v>
      </c>
      <c r="F32" s="920"/>
      <c r="G32" s="912">
        <v>0</v>
      </c>
      <c r="H32" s="921">
        <v>0</v>
      </c>
      <c r="I32" s="922">
        <v>0</v>
      </c>
      <c r="J32" s="976">
        <v>3837</v>
      </c>
      <c r="K32" s="912">
        <v>3837</v>
      </c>
      <c r="L32" s="923">
        <v>100</v>
      </c>
      <c r="M32" s="898"/>
      <c r="N32" s="914"/>
      <c r="O32" s="915">
        <v>0.99070487993803258</v>
      </c>
      <c r="P32" s="916"/>
    </row>
    <row r="33" spans="1:16" s="902" customFormat="1" ht="18.75" customHeight="1" x14ac:dyDescent="0.15">
      <c r="A33" s="903" t="s">
        <v>11</v>
      </c>
      <c r="B33" s="917">
        <v>2272</v>
      </c>
      <c r="C33" s="918">
        <v>4</v>
      </c>
      <c r="D33" s="919">
        <v>2276</v>
      </c>
      <c r="E33" s="920">
        <v>0</v>
      </c>
      <c r="F33" s="920"/>
      <c r="G33" s="912">
        <v>0</v>
      </c>
      <c r="H33" s="921">
        <v>0</v>
      </c>
      <c r="I33" s="922">
        <v>0</v>
      </c>
      <c r="J33" s="976">
        <v>2276</v>
      </c>
      <c r="K33" s="912">
        <v>2276</v>
      </c>
      <c r="L33" s="923">
        <v>100</v>
      </c>
      <c r="M33" s="898"/>
      <c r="N33" s="914"/>
      <c r="O33" s="915">
        <v>0.98956521739130432</v>
      </c>
      <c r="P33" s="916"/>
    </row>
    <row r="34" spans="1:16" s="902" customFormat="1" ht="18.75" customHeight="1" x14ac:dyDescent="0.15">
      <c r="A34" s="903" t="s">
        <v>10</v>
      </c>
      <c r="B34" s="917">
        <v>2479</v>
      </c>
      <c r="C34" s="918">
        <v>14</v>
      </c>
      <c r="D34" s="919">
        <v>2493</v>
      </c>
      <c r="E34" s="920">
        <v>0</v>
      </c>
      <c r="F34" s="920"/>
      <c r="G34" s="912">
        <v>0</v>
      </c>
      <c r="H34" s="921">
        <v>0</v>
      </c>
      <c r="I34" s="922">
        <v>0</v>
      </c>
      <c r="J34" s="976">
        <v>2493</v>
      </c>
      <c r="K34" s="912">
        <v>2493</v>
      </c>
      <c r="L34" s="923">
        <v>100</v>
      </c>
      <c r="M34" s="898"/>
      <c r="N34" s="914"/>
      <c r="O34" s="915">
        <v>0.98033818324813216</v>
      </c>
      <c r="P34" s="916"/>
    </row>
    <row r="35" spans="1:16" s="902" customFormat="1" ht="18.75" customHeight="1" thickBot="1" x14ac:dyDescent="0.2">
      <c r="A35" s="924" t="s">
        <v>9</v>
      </c>
      <c r="B35" s="925">
        <v>3608</v>
      </c>
      <c r="C35" s="926">
        <v>13</v>
      </c>
      <c r="D35" s="927">
        <v>3621</v>
      </c>
      <c r="E35" s="928">
        <v>0</v>
      </c>
      <c r="F35" s="928"/>
      <c r="G35" s="929">
        <v>0</v>
      </c>
      <c r="H35" s="930">
        <v>0</v>
      </c>
      <c r="I35" s="931">
        <v>0</v>
      </c>
      <c r="J35" s="981">
        <v>3621</v>
      </c>
      <c r="K35" s="929">
        <v>3621</v>
      </c>
      <c r="L35" s="933">
        <v>100</v>
      </c>
      <c r="M35" s="898"/>
      <c r="N35" s="934"/>
      <c r="O35" s="935">
        <v>0.985038084874864</v>
      </c>
      <c r="P35" s="936"/>
    </row>
    <row r="36" spans="1:16" s="902" customFormat="1" ht="18.75" customHeight="1" x14ac:dyDescent="0.15">
      <c r="A36" s="888" t="s">
        <v>8</v>
      </c>
      <c r="B36" s="889">
        <v>11479</v>
      </c>
      <c r="C36" s="937">
        <v>1370</v>
      </c>
      <c r="D36" s="938">
        <v>12849</v>
      </c>
      <c r="E36" s="939">
        <v>1603</v>
      </c>
      <c r="F36" s="939" t="s">
        <v>254</v>
      </c>
      <c r="G36" s="940">
        <v>1048</v>
      </c>
      <c r="H36" s="941">
        <v>2651</v>
      </c>
      <c r="I36" s="942">
        <v>0</v>
      </c>
      <c r="J36" s="975">
        <v>10198</v>
      </c>
      <c r="K36" s="940">
        <v>0</v>
      </c>
      <c r="L36" s="943">
        <v>79.368044205774765</v>
      </c>
      <c r="M36" s="898"/>
      <c r="N36" s="947"/>
      <c r="O36" s="948">
        <v>1</v>
      </c>
      <c r="P36" s="949"/>
    </row>
    <row r="37" spans="1:16" s="902" customFormat="1" ht="18.75" customHeight="1" x14ac:dyDescent="0.15">
      <c r="A37" s="903" t="s">
        <v>7</v>
      </c>
      <c r="B37" s="917">
        <v>2089</v>
      </c>
      <c r="C37" s="918">
        <v>18</v>
      </c>
      <c r="D37" s="919">
        <v>2107</v>
      </c>
      <c r="E37" s="920">
        <v>0</v>
      </c>
      <c r="F37" s="920"/>
      <c r="G37" s="912">
        <v>0</v>
      </c>
      <c r="H37" s="921">
        <v>0</v>
      </c>
      <c r="I37" s="922">
        <v>0</v>
      </c>
      <c r="J37" s="976">
        <v>2107</v>
      </c>
      <c r="K37" s="912">
        <v>2107</v>
      </c>
      <c r="L37" s="923">
        <v>100</v>
      </c>
      <c r="M37" s="898"/>
      <c r="N37" s="914"/>
      <c r="O37" s="915">
        <v>0.98827392120075042</v>
      </c>
      <c r="P37" s="916"/>
    </row>
    <row r="38" spans="1:16" s="902" customFormat="1" ht="18.75" customHeight="1" x14ac:dyDescent="0.15">
      <c r="A38" s="903" t="s">
        <v>6</v>
      </c>
      <c r="B38" s="917">
        <v>9450</v>
      </c>
      <c r="C38" s="918">
        <v>78</v>
      </c>
      <c r="D38" s="919">
        <v>9528</v>
      </c>
      <c r="E38" s="920">
        <v>0</v>
      </c>
      <c r="F38" s="920"/>
      <c r="G38" s="912">
        <v>0</v>
      </c>
      <c r="H38" s="921">
        <v>0</v>
      </c>
      <c r="I38" s="922">
        <v>0</v>
      </c>
      <c r="J38" s="976">
        <v>9528</v>
      </c>
      <c r="K38" s="912">
        <v>9528</v>
      </c>
      <c r="L38" s="923">
        <v>100</v>
      </c>
      <c r="M38" s="898"/>
      <c r="N38" s="914"/>
      <c r="O38" s="915">
        <v>0.99074555474680259</v>
      </c>
      <c r="P38" s="916"/>
    </row>
    <row r="39" spans="1:16" s="902" customFormat="1" ht="18.75" customHeight="1" x14ac:dyDescent="0.15">
      <c r="A39" s="903" t="s">
        <v>5</v>
      </c>
      <c r="B39" s="917">
        <v>7844</v>
      </c>
      <c r="C39" s="918">
        <v>403</v>
      </c>
      <c r="D39" s="919">
        <v>8247</v>
      </c>
      <c r="E39" s="920">
        <v>8235</v>
      </c>
      <c r="F39" s="920"/>
      <c r="G39" s="912">
        <v>12</v>
      </c>
      <c r="H39" s="921">
        <v>8247</v>
      </c>
      <c r="I39" s="922">
        <v>0</v>
      </c>
      <c r="J39" s="976">
        <v>0</v>
      </c>
      <c r="K39" s="912">
        <v>0</v>
      </c>
      <c r="L39" s="923">
        <v>0</v>
      </c>
      <c r="M39" s="898"/>
      <c r="N39" s="914"/>
      <c r="O39" s="915">
        <v>0.97137809187279156</v>
      </c>
      <c r="P39" s="916"/>
    </row>
    <row r="40" spans="1:16" s="902" customFormat="1" ht="18.75" customHeight="1" thickBot="1" x14ac:dyDescent="0.2">
      <c r="A40" s="924" t="s">
        <v>4</v>
      </c>
      <c r="B40" s="925">
        <v>607</v>
      </c>
      <c r="C40" s="926">
        <v>40</v>
      </c>
      <c r="D40" s="927">
        <v>647</v>
      </c>
      <c r="E40" s="928">
        <v>647</v>
      </c>
      <c r="F40" s="928"/>
      <c r="G40" s="929">
        <v>0</v>
      </c>
      <c r="H40" s="930">
        <v>647</v>
      </c>
      <c r="I40" s="931">
        <v>0</v>
      </c>
      <c r="J40" s="981">
        <v>0</v>
      </c>
      <c r="K40" s="929">
        <v>0</v>
      </c>
      <c r="L40" s="933">
        <v>0</v>
      </c>
      <c r="M40" s="898"/>
      <c r="N40" s="934"/>
      <c r="O40" s="935">
        <v>1</v>
      </c>
      <c r="P40" s="936"/>
    </row>
    <row r="41" spans="1:16" s="902" customFormat="1" ht="18.75" customHeight="1" thickBot="1" x14ac:dyDescent="0.2">
      <c r="A41" s="962" t="s">
        <v>65</v>
      </c>
      <c r="B41" s="963">
        <v>72167</v>
      </c>
      <c r="C41" s="964">
        <v>3779</v>
      </c>
      <c r="D41" s="965">
        <v>75946</v>
      </c>
      <c r="E41" s="982">
        <v>38232</v>
      </c>
      <c r="F41" s="982"/>
      <c r="G41" s="967">
        <v>1315</v>
      </c>
      <c r="H41" s="983">
        <v>39547</v>
      </c>
      <c r="I41" s="969" t="s">
        <v>258</v>
      </c>
      <c r="J41" s="970">
        <v>36399</v>
      </c>
      <c r="K41" s="967">
        <v>26201</v>
      </c>
      <c r="L41" s="971">
        <v>47.927474784715457</v>
      </c>
      <c r="M41" s="898"/>
      <c r="N41" s="972"/>
      <c r="O41" s="973">
        <v>0.98860988531781679</v>
      </c>
      <c r="P41" s="974"/>
    </row>
    <row r="42" spans="1:16" s="902" customFormat="1" ht="18.75" customHeight="1" thickBot="1" x14ac:dyDescent="0.2">
      <c r="A42" s="984" t="s">
        <v>148</v>
      </c>
      <c r="B42" s="985">
        <v>1874583</v>
      </c>
      <c r="C42" s="986">
        <v>75083</v>
      </c>
      <c r="D42" s="987">
        <v>1949666</v>
      </c>
      <c r="E42" s="988">
        <v>48460</v>
      </c>
      <c r="F42" s="988"/>
      <c r="G42" s="989">
        <v>8570</v>
      </c>
      <c r="H42" s="990">
        <v>57030</v>
      </c>
      <c r="I42" s="991">
        <v>46877</v>
      </c>
      <c r="J42" s="992">
        <v>1939513</v>
      </c>
      <c r="K42" s="989">
        <v>143818</v>
      </c>
      <c r="L42" s="993">
        <v>99.479244137200936</v>
      </c>
      <c r="M42" s="898"/>
      <c r="N42" s="994"/>
      <c r="O42" s="995">
        <v>0.99224036891200784</v>
      </c>
      <c r="P42" s="996"/>
    </row>
    <row r="43" spans="1:16" s="997" customFormat="1" ht="15" customHeight="1" x14ac:dyDescent="0.15"/>
    <row r="44" spans="1:16" s="997" customFormat="1" ht="15" customHeight="1" x14ac:dyDescent="0.15"/>
    <row r="45" spans="1:16" ht="16.5" customHeight="1" x14ac:dyDescent="0.15">
      <c r="A45" s="998"/>
      <c r="B45" s="998"/>
      <c r="C45" s="998"/>
    </row>
  </sheetData>
  <mergeCells count="15">
    <mergeCell ref="N4:P4"/>
    <mergeCell ref="B5:B6"/>
    <mergeCell ref="C5:C6"/>
    <mergeCell ref="I5:I6"/>
    <mergeCell ref="J5:J6"/>
    <mergeCell ref="K5:K6"/>
    <mergeCell ref="L5:L6"/>
    <mergeCell ref="N5:P5"/>
    <mergeCell ref="E6:F6"/>
    <mergeCell ref="N6:P6"/>
    <mergeCell ref="Q8:Q9"/>
    <mergeCell ref="R8:S8"/>
    <mergeCell ref="T8:T9"/>
    <mergeCell ref="R9:S9"/>
    <mergeCell ref="Q11:T12"/>
  </mergeCells>
  <phoneticPr fontId="3"/>
  <conditionalFormatting sqref="B7:O42">
    <cfRule type="cellIs" dxfId="16" priority="1" operator="equal">
      <formula>0</formula>
    </cfRule>
  </conditionalFormatting>
  <pageMargins left="0.59055118110236227" right="0.59055118110236227" top="0.78740157480314965" bottom="0.78740157480314965" header="0.51181102362204722" footer="0.39370078740157483"/>
  <pageSetup paperSize="9" scale="96" fitToWidth="2" orientation="portrait" r:id="rId1"/>
  <headerFooter alignWithMargins="0"/>
  <colBreaks count="1" manualBreakCount="1">
    <brk id="8" max="41"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7</vt:i4>
      </vt:variant>
      <vt:variant>
        <vt:lpstr>名前付き一覧</vt:lpstr>
      </vt:variant>
      <vt:variant>
        <vt:i4>17</vt:i4>
      </vt:variant>
    </vt:vector>
  </HeadingPairs>
  <TitlesOfParts>
    <vt:vector size="34" baseType="lpstr">
      <vt:lpstr>表3-1</vt:lpstr>
      <vt:lpstr>表3-2</vt:lpstr>
      <vt:lpstr>表3-3</vt:lpstr>
      <vt:lpstr>表3-4</vt:lpstr>
      <vt:lpstr>表3-5</vt:lpstr>
      <vt:lpstr>表3-6</vt:lpstr>
      <vt:lpstr>表3-7</vt:lpstr>
      <vt:lpstr>表3-8</vt:lpstr>
      <vt:lpstr>表3-9</vt:lpstr>
      <vt:lpstr>表3-10</vt:lpstr>
      <vt:lpstr>表3-11</vt:lpstr>
      <vt:lpstr>表3-12</vt:lpstr>
      <vt:lpstr>表3-12(2)</vt:lpstr>
      <vt:lpstr>表3-13</vt:lpstr>
      <vt:lpstr>表 参考</vt:lpstr>
      <vt:lpstr>表 参考 (2)</vt:lpstr>
      <vt:lpstr>表 参考 (３)</vt:lpstr>
      <vt:lpstr>'表 参考'!Print_Area</vt:lpstr>
      <vt:lpstr>'表 参考 (2)'!Print_Area</vt:lpstr>
      <vt:lpstr>'表 参考 (３)'!Print_Area</vt:lpstr>
      <vt:lpstr>'表3-1'!Print_Area</vt:lpstr>
      <vt:lpstr>'表3-10'!Print_Area</vt:lpstr>
      <vt:lpstr>'表3-11'!Print_Area</vt:lpstr>
      <vt:lpstr>'表3-12'!Print_Area</vt:lpstr>
      <vt:lpstr>'表3-12(2)'!Print_Area</vt:lpstr>
      <vt:lpstr>'表3-13'!Print_Area</vt:lpstr>
      <vt:lpstr>'表3-2'!Print_Area</vt:lpstr>
      <vt:lpstr>'表3-3'!Print_Area</vt:lpstr>
      <vt:lpstr>'表3-4'!Print_Area</vt:lpstr>
      <vt:lpstr>'表3-5'!Print_Area</vt:lpstr>
      <vt:lpstr>'表3-6'!Print_Area</vt:lpstr>
      <vt:lpstr>'表3-7'!Print_Area</vt:lpstr>
      <vt:lpstr>'表3-8'!Print_Area</vt:lpstr>
      <vt:lpstr>'表3-9'!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3-05T05:15:38Z</cp:lastPrinted>
  <dcterms:created xsi:type="dcterms:W3CDTF">2013-11-19T02:58:14Z</dcterms:created>
  <dcterms:modified xsi:type="dcterms:W3CDTF">2026-04-22T07:49:23Z</dcterms:modified>
</cp:coreProperties>
</file>